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18-247-2023 Elektrochirurgický generátor\03. Príprava\06. PTK\01. Odoslané\"/>
    </mc:Choice>
  </mc:AlternateContent>
  <bookViews>
    <workbookView xWindow="0" yWindow="0" windowWidth="23040" windowHeight="9195"/>
  </bookViews>
  <sheets>
    <sheet name="PTK - Ponuka" sheetId="8" r:id="rId1"/>
  </sheets>
  <definedNames>
    <definedName name="_xlnm.Print_Area" localSheetId="0">'PTK - Ponuka'!$A$1:$F$34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09" uniqueCount="555">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1.1</t>
  </si>
  <si>
    <t>Poznámka:</t>
  </si>
  <si>
    <t>- povinné údaje vyplní uchádzač</t>
  </si>
  <si>
    <t>5.</t>
  </si>
  <si>
    <t>6.</t>
  </si>
  <si>
    <t>7.</t>
  </si>
  <si>
    <t>8.</t>
  </si>
  <si>
    <t>9.</t>
  </si>
  <si>
    <t>10.</t>
  </si>
  <si>
    <t>11.</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50421000-2 Opravy a údržba lekárskych zariadení</t>
  </si>
  <si>
    <t>Položka č. 2</t>
  </si>
  <si>
    <t>Pozáručný servis pre položku č. 1 (bez náhradných dielov)</t>
  </si>
  <si>
    <t>mesiac</t>
  </si>
  <si>
    <t>Položka č. 2 - Pozáručný servis pre položku č. 1 (bez náhradných dielov)</t>
  </si>
  <si>
    <t>Servisná starostlivosť o zariadenie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Odstránenie poruchy do 72 hodín, v prípade nedostupnosti náhradného dielu, po dohode s objednávateľom.</t>
  </si>
  <si>
    <t>Vykonávanie opráv v čase od 7:00 do 15:00</t>
  </si>
  <si>
    <t>Používanie len originálnych náhradných dielov</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33190000-8  Rôzne lekárske zariadenia a výrobky</t>
  </si>
  <si>
    <t>Príloha č. 2</t>
  </si>
  <si>
    <t>Prospektový materiál</t>
  </si>
  <si>
    <t>Elektrochirurgický generátor</t>
  </si>
  <si>
    <t>31120000-3 Generátory</t>
  </si>
  <si>
    <t>Položka č. 1 - Elektrochirurgický generátor</t>
  </si>
  <si>
    <t>Elektro-generátor</t>
  </si>
  <si>
    <t>1.1.1</t>
  </si>
  <si>
    <t>Všeobecná špecifikácia:</t>
  </si>
  <si>
    <t>1.1.1.1</t>
  </si>
  <si>
    <t>Medicínsky atest</t>
  </si>
  <si>
    <t>1.1.1.2</t>
  </si>
  <si>
    <t>Vybavený min. 4 variabilne konfigurovateľnými zásuvkami, z toho min. 2 možno použiť pre monopolár a min. 2 možno použiť pre bipolár</t>
  </si>
  <si>
    <t>1.1.1.3</t>
  </si>
  <si>
    <t>Zariadenie musí umožňovať pripojiť min. 2 monopolárne nástroje súčasne a min. 3 bipolárne nástroje súčasne</t>
  </si>
  <si>
    <t>1.1.1.4</t>
  </si>
  <si>
    <t>Požadujeme, že všetky vstupy musia byť ovládateľné nožným spínačom (pripojenie min. 2 nožných spínačov súčasne) a ručným spínačom</t>
  </si>
  <si>
    <t>1.1.1.5</t>
  </si>
  <si>
    <t>Bipolárne vstupy musia umožňovať automatický štart pre bipolárne nástroje</t>
  </si>
  <si>
    <t>1.1.1.6</t>
  </si>
  <si>
    <t>Možnosť simultánneho použitia (aktivácie) min. 2 bipolárnych zásuviek s rôznym nastavením počas operačného zákroku</t>
  </si>
  <si>
    <t>1.1.1.7</t>
  </si>
  <si>
    <t>Možnosť simultánneho použitia (aktivácie) min. 2 monopolárnych zásuviek s rôznym nastavením počas operačného zákroku</t>
  </si>
  <si>
    <t>1.1.1.8</t>
  </si>
  <si>
    <t xml:space="preserve">Aktivovaná zásuvka musí byť svetelne zvýraznená </t>
  </si>
  <si>
    <t>1.1.1.9</t>
  </si>
  <si>
    <t>Do zásuviek je možne zapojiť min. nasledovné druhy koncoviek káblu: Monopolar: 3 pin, „Bovie“, 4 mm koncovka, 5 mm koncovka. Bipolár: 2 pin, bipolár „Erbe“.</t>
  </si>
  <si>
    <t>1.1.1.10</t>
  </si>
  <si>
    <t>Jednotlivé zásuvky musia byť vybavené funkciou automatického rozpoznania zapojeného káblu, resp. nástroja</t>
  </si>
  <si>
    <t>1.1.1.11</t>
  </si>
  <si>
    <t>Požadujeme ovládanie generátora prostredníctvom plne farebného dotykového displeja</t>
  </si>
  <si>
    <t>1.1.1.12</t>
  </si>
  <si>
    <t>Displej z tvrdeného skla, resp. iného odolného materiálu</t>
  </si>
  <si>
    <t>1.1.1.13</t>
  </si>
  <si>
    <t>Displej možno hygienicky čistiť, odolný voči poškriabaniu, dezinfekcii</t>
  </si>
  <si>
    <t>1.1.1.14</t>
  </si>
  <si>
    <t>Možnosť upgradu</t>
  </si>
  <si>
    <t>1.1.1.15</t>
  </si>
  <si>
    <t xml:space="preserve">Možnosť spojenia a komunikácie generátoru  s argónovou jednotkou </t>
  </si>
  <si>
    <t>1.1.2</t>
  </si>
  <si>
    <t>Programovanie špecifických nastavení elektro-generátoru:</t>
  </si>
  <si>
    <t>1.1.2.1</t>
  </si>
  <si>
    <t>Jednoduchý výber funkcií a parametrov cez dotykový displej generátoru</t>
  </si>
  <si>
    <t>1.1.2.2</t>
  </si>
  <si>
    <t>Minimálne 1 permanentne predprogramované nastavenie pre všetky režimy</t>
  </si>
  <si>
    <t>1.1.2.3</t>
  </si>
  <si>
    <t>Množstvo voľne konfigurovateľných nastavení, najmenej 99</t>
  </si>
  <si>
    <t>1.1.2.4</t>
  </si>
  <si>
    <t>Možnosť vytvárania konfigurácii podľa disciplín, indikácií alebo priamo na užívateľa/operatéra, s možnosťou uloženia na prenosné pamäťové médium</t>
  </si>
  <si>
    <t>1.1.2.5</t>
  </si>
  <si>
    <t>Možnosť prenosu nahranej konfigurácie (podľa disciplín, indikácií, alebo priamo na užívateľa/operatéra) prostredníctvom pamäťového média na iný generátor toho istého typu</t>
  </si>
  <si>
    <t>1.1.2.6</t>
  </si>
  <si>
    <t>Sprievodné menu programov nastavenia</t>
  </si>
  <si>
    <t>1.1.2.7</t>
  </si>
  <si>
    <t xml:space="preserve">Prepojenie na PC </t>
  </si>
  <si>
    <t>1.1.2.8</t>
  </si>
  <si>
    <t>Uchovanie chýb v jednoduchom texte a s číslom kódu</t>
  </si>
  <si>
    <t>1.1.3</t>
  </si>
  <si>
    <t>Ochranné funkcie elektro-generátoru:</t>
  </si>
  <si>
    <t>1.1.3.1</t>
  </si>
  <si>
    <t>Automatické sledovanie pripojenia neutrálnej elektródy k jednotke (kábel)</t>
  </si>
  <si>
    <t>1.1.3.2</t>
  </si>
  <si>
    <t>Automatické sledovanie správneho umiestnenia neutrálnej elektródy</t>
  </si>
  <si>
    <t>1.1.3.3</t>
  </si>
  <si>
    <t>Automatické sledovanie symetrie čiastkových vf-prúdov cez neutrálnu elektródu v závislosti od vf prúdu</t>
  </si>
  <si>
    <t>1.1.3.4</t>
  </si>
  <si>
    <t>Automatické sledovanie prechodového odporu medzi neutrálnou elektródou a pacientom v závislosti od vf prúdu</t>
  </si>
  <si>
    <t>1.1.3.5</t>
  </si>
  <si>
    <t>Automatické sledovanie aktivačného času</t>
  </si>
  <si>
    <t>1.1.3.6</t>
  </si>
  <si>
    <t>Automatické sledovanie nesprávnej dávky</t>
  </si>
  <si>
    <t>1.1.3.7</t>
  </si>
  <si>
    <t>Automatická funkcia kontroly jednotky a všetkého pripojeného príslušenstva počas prevádzky jednotky</t>
  </si>
  <si>
    <t>1.1.3.8</t>
  </si>
  <si>
    <t>Automatické rozoznávanie chýb, správy chýb, dokumentácia chýb</t>
  </si>
  <si>
    <t>1.1.4</t>
  </si>
  <si>
    <t>Monopolárne a bipolárne rezanie:</t>
  </si>
  <si>
    <t>1.1.4.1</t>
  </si>
  <si>
    <t>Požaduje sa minimálne deväť rozličných rezacích režimov, vrátane argónového rezu</t>
  </si>
  <si>
    <t>1.1.4.2</t>
  </si>
  <si>
    <t>Všetky režimy musia byť reprodukovateľne nastaviteľné so zachovaním rovnakej kvality rezu</t>
  </si>
  <si>
    <t>1.1.4.3</t>
  </si>
  <si>
    <t>Nastaviteľnosť režimov musí umožňovať procedúry od mikrooperatívy až po najsilnejšiu vaporizáciu</t>
  </si>
  <si>
    <t>1.1.5</t>
  </si>
  <si>
    <t>Monopolárne a bipolárne koagulačné režimy:</t>
  </si>
  <si>
    <t>1.5.1.1</t>
  </si>
  <si>
    <t>Musí byť k dispozícii minimálne deväť rozličných koagulačných režimov, vrátane argon-plazma koagulácie a rezu</t>
  </si>
  <si>
    <t>1.5.1.2</t>
  </si>
  <si>
    <t>Automatická regulácia napätia pre reprodukovateľnú bipolárnu a monopolárnu koaguláciu s automatickým udržiavaním výstupného výkonu</t>
  </si>
  <si>
    <t>1.5.1.3</t>
  </si>
  <si>
    <t>Automatická regulácia sily pre rapídnu nelepivú koaguláciu s minimom karbonizácie</t>
  </si>
  <si>
    <t>1.5.1.4</t>
  </si>
  <si>
    <t>Dvojitá koagulácia: Súbežná aktivácia s „bezkontaktným koagulačným režimom" s dvoma nástrojmi</t>
  </si>
  <si>
    <t>1.5.1.5</t>
  </si>
  <si>
    <t>Jemné nastavovanie výkonov</t>
  </si>
  <si>
    <t>1.5.1.6</t>
  </si>
  <si>
    <t>Separátne nastavovanie sily a výkonu</t>
  </si>
  <si>
    <t>1.1.6</t>
  </si>
  <si>
    <t>Špecifikácie – povinné:</t>
  </si>
  <si>
    <t>1.1.6.1</t>
  </si>
  <si>
    <t>Štandardný rez</t>
  </si>
  <si>
    <t>1.1.6.1.1</t>
  </si>
  <si>
    <t>Monopolárne rezanie v režime Štandardný rez</t>
  </si>
  <si>
    <t>1.1.6.1.2</t>
  </si>
  <si>
    <t>Nominálny vf výkon najmenej 350 W</t>
  </si>
  <si>
    <t>1.1.6.1.3</t>
  </si>
  <si>
    <t>Automatická regulácia účinku</t>
  </si>
  <si>
    <t>1.1.6.1.4</t>
  </si>
  <si>
    <t>Automatická podpora incisie</t>
  </si>
  <si>
    <t>1.1.6.1.5</t>
  </si>
  <si>
    <t>Nastaviteľný výkon vo wattoch</t>
  </si>
  <si>
    <t>1.1.6.1.6</t>
  </si>
  <si>
    <t>Automatická regulácia napätia s maximálnou špičkou vf-napätia 750 Vp</t>
  </si>
  <si>
    <t>1.1.6.1.7</t>
  </si>
  <si>
    <t>Minimálne osem rozličných hemostatických výkonov</t>
  </si>
  <si>
    <t>1.1.6.2</t>
  </si>
  <si>
    <t>Laparoskopický rez</t>
  </si>
  <si>
    <t>1.1.6.2.1</t>
  </si>
  <si>
    <t>Monopolárne rezanie v režime Laparoskopický rez</t>
  </si>
  <si>
    <t>1.1.6.2.2</t>
  </si>
  <si>
    <t>Nominálny vf výkon najmenej 200 W</t>
  </si>
  <si>
    <t>1.1.6.2.3</t>
  </si>
  <si>
    <t>1.1.6.2.4</t>
  </si>
  <si>
    <t>1.1.6.2.5</t>
  </si>
  <si>
    <t>1.1.6.2.6</t>
  </si>
  <si>
    <t>1.1.6.2.7</t>
  </si>
  <si>
    <t>1.1.6.3</t>
  </si>
  <si>
    <t>Suchý rez</t>
  </si>
  <si>
    <t>1.1.6.3.1</t>
  </si>
  <si>
    <t>Monopolárne rezanie v režime Suchý rez</t>
  </si>
  <si>
    <t>1.1.6.3.2</t>
  </si>
  <si>
    <t>1.1.6.3.3</t>
  </si>
  <si>
    <t>Nastaviteľná výkon vo wattoch</t>
  </si>
  <si>
    <t>1.1.6.3.4</t>
  </si>
  <si>
    <t>Automatická regulácia napätia s maximálnou špičkou vf-napätia 1600 Vp</t>
  </si>
  <si>
    <t>1.1.6.3.5</t>
  </si>
  <si>
    <t>Najmenej osem rozličných hemostatických výkonov</t>
  </si>
  <si>
    <t>1.1.6.3.6</t>
  </si>
  <si>
    <t>Automatická regulácia sily</t>
  </si>
  <si>
    <t>1.1.6.4</t>
  </si>
  <si>
    <t>Precízny rez</t>
  </si>
  <si>
    <t>1.1.6.4.1</t>
  </si>
  <si>
    <t>Monopolárne rezanie v režime Precízny rez - zvlášť jemne regulovaný rez</t>
  </si>
  <si>
    <t>1.1.6.4.2</t>
  </si>
  <si>
    <t>Nominálny vf výkon najmenej 50 W</t>
  </si>
  <si>
    <t>1.1.6.4.3</t>
  </si>
  <si>
    <t>1.1.6.4.4</t>
  </si>
  <si>
    <t>Automatická regulácia napätia s maximálnou špičkou vf-napätia 450 Vp</t>
  </si>
  <si>
    <t>1.1.6.4.5</t>
  </si>
  <si>
    <t>Vyhovujúci pre jemnú operatívu</t>
  </si>
  <si>
    <t>1.1.6.4.6</t>
  </si>
  <si>
    <t>1.1.6.4.7</t>
  </si>
  <si>
    <t>1.1.6.5</t>
  </si>
  <si>
    <t>Štandardný bipolárny rez</t>
  </si>
  <si>
    <t>1.1.6.5.1</t>
  </si>
  <si>
    <t>Bipolárne rezanie v režime Štandardný bipolárny rez</t>
  </si>
  <si>
    <t>1.1.6.5.2</t>
  </si>
  <si>
    <t>1.1.6.5.3</t>
  </si>
  <si>
    <t>1.1.6.5.4</t>
  </si>
  <si>
    <t>vf napätie neprekročí (ani špičkove) hodnotu 400 Vp</t>
  </si>
  <si>
    <t>1.1.6.5.5</t>
  </si>
  <si>
    <t>Automatická regulácia napätia</t>
  </si>
  <si>
    <t>1.1.6.5.6</t>
  </si>
  <si>
    <t>1.1.6.6</t>
  </si>
  <si>
    <t>Argónový rez</t>
  </si>
  <si>
    <t>1.1.6.6.1</t>
  </si>
  <si>
    <t>Monopolárne rezanie v režime Argónový rez</t>
  </si>
  <si>
    <t>1.1.6.6.2</t>
  </si>
  <si>
    <t>Nominálny vf výkon najmenej 300 W</t>
  </si>
  <si>
    <t>1.1.6.6.3</t>
  </si>
  <si>
    <t>1.1.6.6.4</t>
  </si>
  <si>
    <t>1.1.6.6.5</t>
  </si>
  <si>
    <t>1.1.6.6.6</t>
  </si>
  <si>
    <t>1.1.6.6.7</t>
  </si>
  <si>
    <t>Všetky režimy rezania opísané v 1.1.6.1 až 1.1.6.6 môžu byť nastaviteľné a aktivované nezávisle podľa konfigurácie zásuviek.</t>
  </si>
  <si>
    <t>1.1.6.7</t>
  </si>
  <si>
    <t>Ľahká koagulácia</t>
  </si>
  <si>
    <t>1.1.6.7.1</t>
  </si>
  <si>
    <t>Monopolárna koagulácia v režime Ľahká koagulácia</t>
  </si>
  <si>
    <t>1.1.6.7.2</t>
  </si>
  <si>
    <t>Nominálny vf výkon najmenej 120 W</t>
  </si>
  <si>
    <t>1.1.6.7.3</t>
  </si>
  <si>
    <t>Nastaviteľný výkon</t>
  </si>
  <si>
    <t>1.1.6.7.4</t>
  </si>
  <si>
    <t>vf napätie nižšie ako 250 Vp</t>
  </si>
  <si>
    <t>1.1.6.7.5</t>
  </si>
  <si>
    <t xml:space="preserve">Najmenej tri rozličné hemostatické výkony  </t>
  </si>
  <si>
    <t>1.1.6.8</t>
  </si>
  <si>
    <t>Forsírovaná koagulácia</t>
  </si>
  <si>
    <t>1.1.6.8.1</t>
  </si>
  <si>
    <t>Monopolárna koagulácia  v režime Forsírovaná koagulácia</t>
  </si>
  <si>
    <t>1.1.6.8.2</t>
  </si>
  <si>
    <t>1.1.6.8.3</t>
  </si>
  <si>
    <t>1.1.6.8.4</t>
  </si>
  <si>
    <t>Najmenej tri rozličné hemostatické výkony</t>
  </si>
  <si>
    <t>1.1.6.8.5</t>
  </si>
  <si>
    <t>vf napätie vyššie ako 1500 Vp, maximum 2500 Vp</t>
  </si>
  <si>
    <t>1.1.6.9</t>
  </si>
  <si>
    <t>Iskrivá koagulácia</t>
  </si>
  <si>
    <t>1.1.6.9.1</t>
  </si>
  <si>
    <t>Monopolárna koagulácia  v režime Iskrivá koagulácia</t>
  </si>
  <si>
    <t>1.1.6.9.2</t>
  </si>
  <si>
    <t>Nominálny vf výkon najmenej 80 W</t>
  </si>
  <si>
    <t>1.1.6.9.3</t>
  </si>
  <si>
    <t>vf napätie 3500 Vp maximum</t>
  </si>
  <si>
    <t>1.1.6.10</t>
  </si>
  <si>
    <t>Bezkontaktná - sprejová koagulácia</t>
  </si>
  <si>
    <t>1.1.6.10.1</t>
  </si>
  <si>
    <t>Monopolárna koagulácia v režime Bezkontaktná - sprejová koagulácia</t>
  </si>
  <si>
    <t>1.1.6.10.2</t>
  </si>
  <si>
    <t>1.1.6.10.3</t>
  </si>
  <si>
    <t>1.1.6.10.4</t>
  </si>
  <si>
    <t>Najmenej štyri rozličné hemostatické výkony</t>
  </si>
  <si>
    <t>1.1.6.10.5</t>
  </si>
  <si>
    <t>vf napätie vyššie ako 3000 Vp, maximum 5000 Vp</t>
  </si>
  <si>
    <t>1.1.6.11</t>
  </si>
  <si>
    <t>Laparoskopická koagulácie</t>
  </si>
  <si>
    <t>1.1.6.11.1</t>
  </si>
  <si>
    <t>Monopolárna koagulácia v režime Laparoskopická koagulácie</t>
  </si>
  <si>
    <t>1.1.6.11.2</t>
  </si>
  <si>
    <t>1.1.6.11.3</t>
  </si>
  <si>
    <t>1.1.6.11.4</t>
  </si>
  <si>
    <t>vf napätie 1800 Vp maximum</t>
  </si>
  <si>
    <t>1.1.6.12</t>
  </si>
  <si>
    <t xml:space="preserve">Dvojkoagulácia </t>
  </si>
  <si>
    <t>1.1.6.12.1</t>
  </si>
  <si>
    <t>Monopolárna koagulácia v režime Dvojkoagulácia</t>
  </si>
  <si>
    <t>1.1.6.12.2</t>
  </si>
  <si>
    <t>1.1.6.12.3</t>
  </si>
  <si>
    <t>1.1.6.12.4</t>
  </si>
  <si>
    <t>Súčasná aktivácia dvoch nástrojov</t>
  </si>
  <si>
    <t>1.1.6.12.5</t>
  </si>
  <si>
    <t>1.1.6.12.6</t>
  </si>
  <si>
    <t>vf napätie vyššie ako 2000 Vp, maximum 4600 Vp</t>
  </si>
  <si>
    <t>1.1.6.13</t>
  </si>
  <si>
    <t xml:space="preserve">Vysokovýkonná koagulácia </t>
  </si>
  <si>
    <t>1.1.6.13.1</t>
  </si>
  <si>
    <t>Bipolárna koagulácia vaskulárnych tkanivových štruktúr vysokovýkonnou koaguláciou</t>
  </si>
  <si>
    <t>1.1.6.13.2</t>
  </si>
  <si>
    <t>Vysokoprúdová koagulácia</t>
  </si>
  <si>
    <t>1.1.6.13.3</t>
  </si>
  <si>
    <t>1.1.6.13.4</t>
  </si>
  <si>
    <t>Nástroje na opätovné použitie</t>
  </si>
  <si>
    <t>1.1.6.13.5</t>
  </si>
  <si>
    <t>Automatické rozlíšenie nástroja (Plug &amp; Play)</t>
  </si>
  <si>
    <t>1.1.6.13.6</t>
  </si>
  <si>
    <t>vf napätie nižšie ako 195 Vp</t>
  </si>
  <si>
    <t>1.1.6.13.7</t>
  </si>
  <si>
    <t>Deaktivácia automatickým zastavením</t>
  </si>
  <si>
    <t>1.1.6.14</t>
  </si>
  <si>
    <t>Bipolárna štandardná koagulácia</t>
  </si>
  <si>
    <t>1.1.6.14.1</t>
  </si>
  <si>
    <t>Bipolárna koagulácia v režime Štandardná koagulácia</t>
  </si>
  <si>
    <t>1.1.6.14.2</t>
  </si>
  <si>
    <t>1.1.6.14.3</t>
  </si>
  <si>
    <t>1.1.6.14.4</t>
  </si>
  <si>
    <t>vf napätie nižšie ako 155 Vp</t>
  </si>
  <si>
    <t>1.1.6.14.5</t>
  </si>
  <si>
    <t>Aktivácia automatickým štartom</t>
  </si>
  <si>
    <t>1.1.6.14.6</t>
  </si>
  <si>
    <t>Automatický štart s nastaviteľným časovým oneskorením</t>
  </si>
  <si>
    <t>1.1.6.14.7</t>
  </si>
  <si>
    <t>Deaktivácia možná aj automatickým zastavením</t>
  </si>
  <si>
    <t>1.1.6.15</t>
  </si>
  <si>
    <t>Bipolárna forsírovaná koagulácia</t>
  </si>
  <si>
    <t>1.1.6.15.1</t>
  </si>
  <si>
    <t>Bipolárna forsírovaná koagulácia - režime Forsírovaná koagulácia</t>
  </si>
  <si>
    <t>1.1.6.15.2</t>
  </si>
  <si>
    <t>Nominálny vf výkon najmenej 90 W</t>
  </si>
  <si>
    <t>1.1.6.15.3</t>
  </si>
  <si>
    <t>1.1.6.15.4</t>
  </si>
  <si>
    <t>vf napätie nižšie ako 560 Vp</t>
  </si>
  <si>
    <t>1.1.6.16</t>
  </si>
  <si>
    <t>Bipolárna simultánna koagulácia</t>
  </si>
  <si>
    <t>1.1.6.16.1</t>
  </si>
  <si>
    <t>1.1.6.16.2</t>
  </si>
  <si>
    <t>Nominálny vf výkon najmenej 60 W</t>
  </si>
  <si>
    <t>1.1.6.16.3</t>
  </si>
  <si>
    <t>Vf napätie nižšie ako 560 Vp</t>
  </si>
  <si>
    <t>Všetky koagulačné režimy popísané v 1.1.6.7 až 1.1.6.16 môžu byť nastavené a aktivované nezávisle v závislosti od konfigurácie zásuviek</t>
  </si>
  <si>
    <t>1.1.7</t>
  </si>
  <si>
    <t>Možnosť integrácie generátoru do systému spoločného riadenia operačného sálu</t>
  </si>
  <si>
    <t>1.1.8</t>
  </si>
  <si>
    <t>Príslušenstvo ku generátoru</t>
  </si>
  <si>
    <t>1.1.8.1</t>
  </si>
  <si>
    <t>1x dátové médium na prenos nahratých individuálnych konfigurácii v rámci systému</t>
  </si>
  <si>
    <t>1.1.8.2</t>
  </si>
  <si>
    <t>1x nožný ovládač – dvojtlačidlový</t>
  </si>
  <si>
    <t>1.1.8.3</t>
  </si>
  <si>
    <t>1x uzemňovací kábel</t>
  </si>
  <si>
    <t>1.2</t>
  </si>
  <si>
    <t>Bipolárny generátor</t>
  </si>
  <si>
    <t>1.2.1</t>
  </si>
  <si>
    <t>Generátor:</t>
  </si>
  <si>
    <t>1.2.1.1</t>
  </si>
  <si>
    <t>pokročilá bipolárna technológia „seal + cut“</t>
  </si>
  <si>
    <t>1.2.1.2</t>
  </si>
  <si>
    <t xml:space="preserve">prístroj určený na uzáver ciev a oddelenie tkaninových štruktúr v laparoskopickej aj otvorenej operatíve v oblasti všeobecnej chirurgie, gynekológie, urológie a hrudníkovej chirurgie  </t>
  </si>
  <si>
    <t>1.2.1.3</t>
  </si>
  <si>
    <t>možnosť napojenia 5mm a 12mm inštrumentov</t>
  </si>
  <si>
    <t>1.2.1.4</t>
  </si>
  <si>
    <t>umožňuje uzáver ciev do priemeru 7mm</t>
  </si>
  <si>
    <t>1.2.2</t>
  </si>
  <si>
    <t>Inštrumenty:</t>
  </si>
  <si>
    <t>1.2.2.1</t>
  </si>
  <si>
    <t xml:space="preserve">aktivácia a deaktivácia nástrojov stlačením aktivačného tlačidla bez nutnosti stáleho držania </t>
  </si>
  <si>
    <t>1.2.2.2</t>
  </si>
  <si>
    <t xml:space="preserve">uniformná kompresia tkaniva medzi celou aktívnou plochou čeľustí nástroja  </t>
  </si>
  <si>
    <t>1.2.2.3</t>
  </si>
  <si>
    <t xml:space="preserve">uzáver čeľustí nástroja od distálneho konca </t>
  </si>
  <si>
    <t>1.2.2.4</t>
  </si>
  <si>
    <t>účinok na okolité tkanivo max. do 1 mm</t>
  </si>
  <si>
    <t>1.2.2.5</t>
  </si>
  <si>
    <t>teplota v okolí nástroja max. 80 °C - ochrana okolitého tkaniva</t>
  </si>
  <si>
    <t>1.2.2.6</t>
  </si>
  <si>
    <t>5 mm inštrumenty, pracovná dĺžka min. 24 cm, dĺžka úchopovej časti nástroja min. 26 mm</t>
  </si>
  <si>
    <t>1.2.3</t>
  </si>
  <si>
    <t>Dodávka:</t>
  </si>
  <si>
    <t>1.2.3.1</t>
  </si>
  <si>
    <t>1x generátor, sieťový kábel, inštrumenty 1bal. 6ks</t>
  </si>
  <si>
    <t>1.3</t>
  </si>
  <si>
    <t>Prístrojový vozík</t>
  </si>
  <si>
    <t>1.3.1</t>
  </si>
  <si>
    <t>Vozík pre medicínske využitie</t>
  </si>
  <si>
    <t>1.3.2</t>
  </si>
  <si>
    <t>4 kolieska, z toho min. 2 brzdené</t>
  </si>
  <si>
    <t>1.3.3</t>
  </si>
  <si>
    <t>Min. 3 police pre jednotlivé zariadenia systému</t>
  </si>
  <si>
    <t>1.3.4</t>
  </si>
  <si>
    <t xml:space="preserve">Ochrana proti prepätiu </t>
  </si>
  <si>
    <t>1.3.5</t>
  </si>
  <si>
    <t>Antistatická úprava</t>
  </si>
  <si>
    <t>1.4</t>
  </si>
  <si>
    <t>1.4.1</t>
  </si>
  <si>
    <t>1.4.2</t>
  </si>
  <si>
    <t>1.4.3</t>
  </si>
  <si>
    <t xml:space="preserve">1x kábel k neutrálnej elektróde, 4.5 m </t>
  </si>
  <si>
    <t>1.4.4</t>
  </si>
  <si>
    <t xml:space="preserve"> Neutrálne elektródy  110cm2, (100ks)</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r>
      <t xml:space="preserve">Potvrdenie o autorizovanom servise vydané výrobcom ponúkaných produktov,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servisnej organizácie.
</t>
    </r>
    <r>
      <rPr>
        <i/>
        <sz val="10"/>
        <color rgb="FFFF0000"/>
        <rFont val="Arial"/>
        <family val="2"/>
        <charset val="238"/>
      </rPr>
      <t>(uchádzač v ponuke nepredkladá, predloží úspešný uchádzač po podpise zmluvy)</t>
    </r>
  </si>
  <si>
    <r>
      <t xml:space="preserve">Osvedčenie, certifikát alebo iný doklad, ktorým uchádzač preukáže, že servisný technik má oprávnenie vykonávať servis na prístrojoch predmetu zákazky vydané výrobcom prístroja.
</t>
    </r>
    <r>
      <rPr>
        <i/>
        <sz val="10"/>
        <color rgb="FFFF0000"/>
        <rFont val="Arial"/>
        <family val="2"/>
        <charset val="238"/>
      </rPr>
      <t>(uchádzač v ponuke nepredkladá, predloží úspešný uchádzač po podpise zmluvy)</t>
    </r>
  </si>
  <si>
    <r>
      <t xml:space="preserve">Poistenie prevádzkovej zodpovednosti vo výške ročnej ceny za služby
</t>
    </r>
    <r>
      <rPr>
        <i/>
        <sz val="10"/>
        <color rgb="FFFF0000"/>
        <rFont val="Arial"/>
        <family val="2"/>
        <charset val="238"/>
      </rPr>
      <t>(uchádzač v ponuke nepredkladá, predloží úspešný uchádzač po podpise zmluvy)</t>
    </r>
  </si>
  <si>
    <t>Disekčno-koagulačný systém na mäkké biologické tkanivové štruktúry
Zloženie systému: Elektro-generátor – 1 ks, Bipolárny generátor  - 1 ks, Prístrojový vozík – 1 ks
Požaduje sa jednorazové dodanie nového, nepoužívaného a nerepasovaného prístroja vrátane pozáručného servisu bez náhradných dielov v trvaní 60 mesiacov.</t>
  </si>
  <si>
    <t>Požaduje sa uzatvorenie kúpnej zmluvy s pozáručným servisom.</t>
  </si>
  <si>
    <t>Požaduje sa splnenie predmetu zákazky:</t>
  </si>
  <si>
    <t>do 30 kalendárnych dní odo dňa nadobudnutia účinnosti zmluvy,</t>
  </si>
  <si>
    <t>v pracovných dňoch v čase od 07: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podľa aktuálne platného colného sadzobníka,
- údaj o krajine pôvodu (t. j. krajina kde bol vyrobený).</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minimálne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technická telefonická podpora a poradenstvo pri prevádzkovaní prístroja prostredníctvom klientského pracoviska Dodávateľa v pracovných dňoch, pričom Dodávateľ musí garantovať funkčnosť a prevádzku klientskeho pracoviska.</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Dodávateľ je povinný počas trvania záručnej doby odstrániť vady v nasledujúcich lehotách od nástupu na opravu:</t>
  </si>
  <si>
    <t>oprava vady, pri ktorej nie je potrebná dodávka náhradného dielu najneskôr do 48 hodín,</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Požaduje sa, aby v prípade vykonania opravy, na ktorú Objednávateľ Dodávateľa vopred upozorní, bola oprava vykonaná nasledovne:</t>
  </si>
  <si>
    <t>nástup na výkon opravy do 24 hodín od nahlásenia vady/poruchy v pracovných dňoch v čase od 07:00 hod. do 15:00 hod.,</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Požaduje sa v prípade opravy s náhradnými dielmi používať výhradne originálne náhradné diely. V každom osobitnom prípade opravy s originálnym náhradným dielom sa vyžaduje súhlas Objednávateľa s kúpu a montážou originálneho náhradného dielu a odsúhlasenie jeho ceny.</t>
  </si>
  <si>
    <t xml:space="preserve">V prípade, ak Objednávateľ na základe prieskumu trhu zistí, že: </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Požaduje sa, aby výsledná cena predmetu zákazky ponúknutá Dodávateľom bola v súlade s aktuálne (t.j. v čase lehoty na predkladanie ponúk) obvyklou trhovou cenou predmetu zákazky.</t>
  </si>
  <si>
    <t>Požaduje sa možnosť uplatnenia si náhrady škody u Dodávateľa vo výške vzniknutého finančného rozdielu výslednej ceny predmetu zákazky a obvyklej trhovej ceny predmetu zákazky v prípade nedodržania vyššie uvedenej požiadavky.</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2</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r>
      <t xml:space="preserve">Dodávateľ je povinný k faktúre za dodanie prístroja priložiť kópiu preberacieho protokolu ako jej povinnú prílohu, okrem prípadov, kedy je faktúra doručená zároveň s preberacím protokolom. Povinnou súčasťou faktúry za služby, ktoré sú predmetom </t>
    </r>
    <r>
      <rPr>
        <sz val="10"/>
        <color rgb="FFFF0000"/>
        <rFont val="Arial"/>
        <family val="2"/>
        <charset val="238"/>
      </rPr>
      <t xml:space="preserve">položky č. 2 </t>
    </r>
    <r>
      <rPr>
        <sz val="10"/>
        <rFont val="Arial"/>
        <family val="2"/>
        <charset val="238"/>
      </rPr>
      <t>je zmluvnými stranami potvrdený rozsah poskytnutej služby s uvedením dátumu jej poskytnutia v príslušnom kalendárnom mesiaci.</t>
    </r>
  </si>
  <si>
    <r>
      <t xml:space="preserve">Pozáručný servis (služby, ktoré sú predmetom </t>
    </r>
    <r>
      <rPr>
        <sz val="10"/>
        <color rgb="FFFF0000"/>
        <rFont val="Arial"/>
        <family val="2"/>
        <charset val="238"/>
      </rPr>
      <t>položky č. 2</t>
    </r>
    <r>
      <rPr>
        <sz val="10"/>
        <rFont val="Arial"/>
        <family val="2"/>
        <charset val="238"/>
      </rPr>
      <t>) bude hradený formou mesačných paušálnych odmien uvedených v Prílohe č. 1 - Kalkulácia ceny.</t>
    </r>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 a podobne.</t>
  </si>
  <si>
    <t>Požaduje sa akceptovať, že platba za plnenie sa realizuje výlučne bezhotovostným platobným stykom na základe faktúry doručenej Dodávateľom, a to vždy za riadne a včas poskytnuté plnenie. Dodávateľ je povinný zaslať faktúru za dodanie prístroja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V prípade úhrady faktúry Objednávateľom do 14 kalendárnych dní odo dňa jej doručenia Objednávateľovi sa Dodávateľ zaväzuje vystaviť dobropis vo výške zľavy, ktorú uvedie v Prílohe č. 1 - Kalkulácia ceny.</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2.1.</t>
  </si>
  <si>
    <t>2.2.</t>
  </si>
  <si>
    <t>2.3.</t>
  </si>
  <si>
    <t>2.4.</t>
  </si>
  <si>
    <t>2.5.</t>
  </si>
  <si>
    <t>8.1.</t>
  </si>
  <si>
    <t>8.2.</t>
  </si>
  <si>
    <t>8.3.</t>
  </si>
  <si>
    <t>8.4.</t>
  </si>
  <si>
    <t>8.5.</t>
  </si>
  <si>
    <t>8.6.</t>
  </si>
  <si>
    <t>8.7.</t>
  </si>
  <si>
    <t>8.8.</t>
  </si>
  <si>
    <t>8.9.</t>
  </si>
  <si>
    <t>8.10.</t>
  </si>
  <si>
    <t>9.1.</t>
  </si>
  <si>
    <t>10.1.</t>
  </si>
  <si>
    <t>10.2.</t>
  </si>
  <si>
    <t>11.1.</t>
  </si>
  <si>
    <t>11.2.</t>
  </si>
  <si>
    <t>12.</t>
  </si>
  <si>
    <t>13.</t>
  </si>
  <si>
    <t>14.</t>
  </si>
  <si>
    <t>15.</t>
  </si>
  <si>
    <t>16.</t>
  </si>
  <si>
    <t>17.</t>
  </si>
  <si>
    <t>17.1.</t>
  </si>
  <si>
    <t>17.2.</t>
  </si>
  <si>
    <t>18.</t>
  </si>
  <si>
    <t>19.</t>
  </si>
  <si>
    <t>20.</t>
  </si>
  <si>
    <t>21.</t>
  </si>
  <si>
    <t>22.</t>
  </si>
  <si>
    <t>23.</t>
  </si>
  <si>
    <t>24.</t>
  </si>
  <si>
    <t>25.</t>
  </si>
  <si>
    <t>26.</t>
  </si>
  <si>
    <t>27.</t>
  </si>
  <si>
    <t>27.1.</t>
  </si>
  <si>
    <t>27.2.</t>
  </si>
  <si>
    <t>28.</t>
  </si>
  <si>
    <t>29.</t>
  </si>
  <si>
    <t>30.</t>
  </si>
  <si>
    <t>31.</t>
  </si>
  <si>
    <t>32.</t>
  </si>
  <si>
    <t>33.</t>
  </si>
  <si>
    <t>34.</t>
  </si>
  <si>
    <t>35.</t>
  </si>
  <si>
    <t>36.</t>
  </si>
  <si>
    <t>37.</t>
  </si>
  <si>
    <t>38.</t>
  </si>
  <si>
    <t>39.</t>
  </si>
  <si>
    <t>40.</t>
  </si>
  <si>
    <t>41.</t>
  </si>
  <si>
    <t>42.</t>
  </si>
  <si>
    <t>43.</t>
  </si>
  <si>
    <t>Požaduje sa dodanie nového, nepoužívaného a nerepasovaného prístroja. 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r>
      <t xml:space="preserve">Požaduje sa poskytovanie pozáručného servisu pre </t>
    </r>
    <r>
      <rPr>
        <sz val="10"/>
        <color rgb="FFFF0000"/>
        <rFont val="Arial"/>
        <family val="2"/>
        <charset val="238"/>
      </rPr>
      <t>položku č. 1</t>
    </r>
    <r>
      <rPr>
        <sz val="10"/>
        <rFont val="Arial"/>
        <family val="2"/>
        <charset val="238"/>
      </rPr>
      <t xml:space="preserve"> po dobu 5 rokov (60 kalendárnych mesiacov), pričom za začiatok tohto poskytovania sa považuje deň nasledujúci po poslednom dni záručnej doby.</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color theme="1"/>
      <name val="Times New Roman"/>
      <family val="1"/>
      <charset val="238"/>
    </font>
    <font>
      <sz val="9"/>
      <name val="Arial"/>
      <family val="2"/>
      <charset val="238"/>
    </font>
    <font>
      <sz val="10"/>
      <color rgb="FF000000"/>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4">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medium">
        <color indexed="64"/>
      </left>
      <right style="thin">
        <color auto="1"/>
      </right>
      <top/>
      <bottom style="thin">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thin">
        <color auto="1"/>
      </left>
      <right style="thin">
        <color auto="1"/>
      </right>
      <top style="thin">
        <color auto="1"/>
      </top>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thin">
        <color indexed="64"/>
      </left>
      <right style="medium">
        <color auto="1"/>
      </right>
      <top style="thin">
        <color indexed="64"/>
      </top>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style="dashed">
        <color auto="1"/>
      </top>
      <bottom style="thin">
        <color auto="1"/>
      </bottom>
      <diagonal/>
    </border>
    <border>
      <left style="thin">
        <color auto="1"/>
      </left>
      <right/>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88">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32" xfId="0" applyFont="1" applyFill="1" applyBorder="1" applyAlignment="1" applyProtection="1">
      <alignment wrapText="1"/>
      <protection locked="0"/>
    </xf>
    <xf numFmtId="0" fontId="14" fillId="0" borderId="0" xfId="0" applyFont="1" applyAlignment="1" applyProtection="1">
      <alignment horizontal="left" vertical="center"/>
      <protection locked="0"/>
    </xf>
    <xf numFmtId="0" fontId="15" fillId="0" borderId="0" xfId="6" applyFont="1" applyAlignment="1" applyProtection="1">
      <alignment horizontal="left"/>
      <protection locked="0"/>
    </xf>
    <xf numFmtId="0" fontId="15" fillId="0" borderId="0" xfId="6" applyFont="1" applyAlignment="1" applyProtection="1">
      <alignment horizontal="center"/>
      <protection locked="0"/>
    </xf>
    <xf numFmtId="0" fontId="15" fillId="0" borderId="0" xfId="6" applyFont="1" applyFill="1" applyBorder="1" applyProtection="1">
      <protection locked="0"/>
    </xf>
    <xf numFmtId="164" fontId="15" fillId="0" borderId="0" xfId="6" applyNumberFormat="1" applyFont="1" applyAlignment="1" applyProtection="1">
      <alignment horizontal="right"/>
      <protection locked="0"/>
    </xf>
    <xf numFmtId="0" fontId="15"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7" fillId="2" borderId="10"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vertical="center" wrapText="1"/>
      <protection locked="0"/>
    </xf>
    <xf numFmtId="0" fontId="2" fillId="0" borderId="10"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2" fillId="6" borderId="10" xfId="0" applyFont="1" applyFill="1" applyBorder="1" applyAlignment="1" applyProtection="1">
      <alignment vertical="center" wrapText="1"/>
      <protection locked="0"/>
    </xf>
    <xf numFmtId="0" fontId="2" fillId="6" borderId="10" xfId="0" applyFont="1" applyFill="1" applyBorder="1" applyAlignment="1" applyProtection="1">
      <alignment horizontal="center" vertical="center" wrapText="1"/>
      <protection locked="0"/>
    </xf>
    <xf numFmtId="0" fontId="13" fillId="6"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15"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0" fontId="2" fillId="0" borderId="30" xfId="0" applyNumberFormat="1" applyFont="1" applyBorder="1" applyAlignment="1" applyProtection="1">
      <alignment horizontal="center" vertical="center" wrapText="1"/>
      <protection locked="0"/>
    </xf>
    <xf numFmtId="0" fontId="2" fillId="6" borderId="10" xfId="0" applyNumberFormat="1" applyFont="1" applyFill="1" applyBorder="1" applyAlignment="1" applyProtection="1">
      <alignment horizontal="center" vertical="center" wrapText="1"/>
      <protection locked="0"/>
    </xf>
    <xf numFmtId="0" fontId="2" fillId="6" borderId="20" xfId="0" applyNumberFormat="1" applyFont="1" applyFill="1" applyBorder="1" applyAlignment="1" applyProtection="1">
      <alignment horizontal="center" vertical="center" wrapText="1"/>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49" fontId="2" fillId="2" borderId="15" xfId="0" applyNumberFormat="1" applyFont="1" applyFill="1" applyBorder="1" applyAlignment="1" applyProtection="1">
      <alignment horizontal="center" vertical="center" wrapText="1"/>
      <protection locked="0"/>
    </xf>
    <xf numFmtId="0" fontId="7" fillId="0" borderId="23" xfId="0" applyNumberFormat="1" applyFont="1" applyBorder="1" applyAlignment="1" applyProtection="1">
      <alignment horizontal="center" vertical="center" wrapText="1"/>
      <protection locked="0"/>
    </xf>
    <xf numFmtId="0" fontId="7" fillId="0" borderId="28" xfId="0" applyNumberFormat="1" applyFont="1" applyBorder="1" applyAlignment="1" applyProtection="1">
      <alignment horizontal="center" vertical="center" wrapText="1"/>
      <protection locked="0"/>
    </xf>
    <xf numFmtId="0" fontId="7" fillId="0" borderId="20"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9"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6" borderId="8" xfId="0" applyNumberFormat="1" applyFont="1" applyFill="1" applyBorder="1" applyAlignment="1" applyProtection="1">
      <alignment horizontal="center" vertical="center"/>
    </xf>
    <xf numFmtId="49" fontId="4" fillId="6" borderId="5" xfId="0" applyNumberFormat="1" applyFont="1" applyFill="1" applyBorder="1" applyAlignment="1" applyProtection="1">
      <alignment vertical="center" wrapText="1"/>
    </xf>
    <xf numFmtId="49" fontId="2" fillId="6" borderId="11" xfId="0" applyNumberFormat="1" applyFont="1" applyFill="1" applyBorder="1" applyAlignment="1" applyProtection="1">
      <alignment horizontal="center" vertical="center"/>
    </xf>
    <xf numFmtId="49" fontId="4" fillId="6" borderId="25" xfId="0" applyNumberFormat="1" applyFont="1" applyFill="1" applyBorder="1" applyAlignment="1" applyProtection="1">
      <alignment vertical="center" wrapText="1"/>
    </xf>
    <xf numFmtId="49" fontId="2" fillId="0" borderId="27" xfId="0" applyNumberFormat="1" applyFont="1" applyFill="1" applyBorder="1" applyAlignment="1" applyProtection="1">
      <alignment horizontal="center" vertical="center" wrapText="1"/>
    </xf>
    <xf numFmtId="49" fontId="2" fillId="0" borderId="22" xfId="0" applyNumberFormat="1" applyFont="1" applyFill="1" applyBorder="1" applyAlignment="1" applyProtection="1">
      <alignment horizontal="center" vertical="center" wrapText="1"/>
    </xf>
    <xf numFmtId="0" fontId="3" fillId="6" borderId="10" xfId="0" applyFont="1" applyFill="1" applyBorder="1" applyAlignment="1" applyProtection="1">
      <alignment horizontal="left" vertical="center" wrapText="1"/>
    </xf>
    <xf numFmtId="0" fontId="3" fillId="6" borderId="28" xfId="0" applyFont="1" applyFill="1" applyBorder="1" applyAlignment="1" applyProtection="1">
      <alignment horizontal="left" vertical="center" wrapText="1"/>
    </xf>
    <xf numFmtId="49" fontId="2" fillId="6" borderId="27" xfId="0" applyNumberFormat="1" applyFont="1" applyFill="1" applyBorder="1" applyAlignment="1" applyProtection="1">
      <alignment horizontal="center" vertical="center" wrapText="1"/>
    </xf>
    <xf numFmtId="49" fontId="2" fillId="6" borderId="11" xfId="0" applyNumberFormat="1" applyFont="1" applyFill="1" applyBorder="1" applyAlignment="1" applyProtection="1">
      <alignment horizontal="center" vertical="center" wrapText="1"/>
    </xf>
    <xf numFmtId="0" fontId="2" fillId="6" borderId="20" xfId="0" applyFont="1" applyFill="1" applyBorder="1" applyAlignment="1" applyProtection="1">
      <alignment horizontal="left" vertical="center" wrapText="1"/>
    </xf>
    <xf numFmtId="49" fontId="2" fillId="6" borderId="10" xfId="0" applyNumberFormat="1" applyFont="1" applyFill="1" applyBorder="1" applyAlignment="1" applyProtection="1">
      <alignment vertical="center" wrapText="1"/>
    </xf>
    <xf numFmtId="0" fontId="2" fillId="6" borderId="23" xfId="0" applyFont="1" applyFill="1" applyBorder="1" applyAlignment="1" applyProtection="1">
      <alignment horizontal="left" vertical="center" wrapText="1"/>
    </xf>
    <xf numFmtId="0" fontId="4" fillId="6" borderId="0" xfId="0"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0" fontId="2" fillId="0" borderId="28" xfId="0" applyNumberFormat="1" applyFont="1" applyBorder="1" applyAlignment="1" applyProtection="1">
      <alignment horizontal="center" vertical="center" wrapText="1"/>
      <protection locked="0"/>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49" fontId="2" fillId="0" borderId="30" xfId="0" applyNumberFormat="1" applyFont="1" applyBorder="1" applyAlignment="1" applyProtection="1">
      <alignment horizontal="left" vertical="center" wrapText="1"/>
      <protection locked="0"/>
    </xf>
    <xf numFmtId="49" fontId="2" fillId="0" borderId="33" xfId="0" applyNumberFormat="1" applyFont="1" applyBorder="1" applyAlignment="1" applyProtection="1">
      <alignment horizontal="left" vertical="center" wrapText="1"/>
      <protection locked="0"/>
    </xf>
    <xf numFmtId="0" fontId="2" fillId="0" borderId="10"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49" fontId="5" fillId="5" borderId="22" xfId="0" applyNumberFormat="1" applyFont="1" applyFill="1" applyBorder="1" applyAlignment="1" applyProtection="1">
      <alignment horizontal="left" vertical="center" wrapText="1"/>
      <protection locked="0"/>
    </xf>
    <xf numFmtId="49" fontId="5" fillId="5" borderId="23" xfId="0" applyNumberFormat="1" applyFont="1" applyFill="1" applyBorder="1" applyAlignment="1" applyProtection="1">
      <alignment horizontal="left" vertical="center" wrapText="1"/>
      <protection locked="0"/>
    </xf>
    <xf numFmtId="49" fontId="5" fillId="5" borderId="24" xfId="0" applyNumberFormat="1"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2" fillId="0" borderId="23" xfId="0" applyFont="1" applyFill="1" applyBorder="1" applyAlignment="1" applyProtection="1">
      <alignment horizontal="left" vertical="center" wrapText="1"/>
      <protection locked="0"/>
    </xf>
    <xf numFmtId="0" fontId="2" fillId="0" borderId="24" xfId="0"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18"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0" fontId="2" fillId="0" borderId="28" xfId="0" applyFont="1" applyFill="1" applyBorder="1" applyAlignment="1" applyProtection="1">
      <alignment horizontal="left" vertical="center" wrapText="1"/>
      <protection locked="0"/>
    </xf>
    <xf numFmtId="0" fontId="2" fillId="0" borderId="29" xfId="0" applyFont="1" applyFill="1" applyBorder="1" applyAlignment="1" applyProtection="1">
      <alignment horizontal="left" vertical="center" wrapText="1"/>
      <protection locked="0"/>
    </xf>
    <xf numFmtId="0" fontId="14"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3" xfId="0" applyNumberFormat="1" applyFont="1" applyFill="1" applyBorder="1" applyAlignment="1" applyProtection="1">
      <alignment horizontal="left" vertical="top" wrapText="1"/>
      <protection locked="0"/>
    </xf>
    <xf numFmtId="49" fontId="3" fillId="2" borderId="12" xfId="0" applyNumberFormat="1" applyFont="1" applyFill="1" applyBorder="1" applyAlignment="1" applyProtection="1">
      <alignment horizontal="left" vertical="top" wrapText="1"/>
      <protection locked="0"/>
    </xf>
    <xf numFmtId="49" fontId="3" fillId="2" borderId="3" xfId="0" applyNumberFormat="1" applyFont="1" applyFill="1" applyBorder="1" applyAlignment="1" applyProtection="1">
      <alignment horizontal="left" vertical="top" wrapText="1"/>
      <protection locked="0"/>
    </xf>
    <xf numFmtId="0" fontId="3" fillId="2" borderId="14" xfId="0" applyFont="1" applyFill="1" applyBorder="1" applyAlignment="1" applyProtection="1">
      <alignment horizontal="center" vertical="top" wrapText="1"/>
      <protection locked="0"/>
    </xf>
    <xf numFmtId="0" fontId="3" fillId="2" borderId="13"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18" xfId="0" applyNumberFormat="1" applyFont="1" applyFill="1" applyBorder="1" applyAlignment="1" applyProtection="1">
      <alignment horizontal="center" vertical="center" wrapText="1"/>
      <protection locked="0"/>
    </xf>
    <xf numFmtId="49" fontId="2" fillId="2" borderId="4" xfId="0" applyNumberFormat="1" applyFont="1" applyFill="1" applyBorder="1" applyAlignment="1" applyProtection="1">
      <alignment horizontal="center" vertical="center" wrapText="1"/>
      <protection locked="0"/>
    </xf>
    <xf numFmtId="0" fontId="12" fillId="0" borderId="7"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49" fontId="5" fillId="5" borderId="8" xfId="0" applyNumberFormat="1" applyFont="1" applyFill="1" applyBorder="1" applyAlignment="1" applyProtection="1">
      <alignment horizontal="left" vertical="center" wrapText="1"/>
      <protection locked="0"/>
    </xf>
    <xf numFmtId="49" fontId="5" fillId="5" borderId="10" xfId="0" applyNumberFormat="1" applyFont="1" applyFill="1" applyBorder="1" applyAlignment="1" applyProtection="1">
      <alignment horizontal="left" vertical="center" wrapText="1"/>
      <protection locked="0"/>
    </xf>
    <xf numFmtId="49" fontId="5" fillId="5" borderId="9" xfId="0" applyNumberFormat="1" applyFont="1" applyFill="1" applyBorder="1" applyAlignment="1" applyProtection="1">
      <alignment horizontal="left" vertical="center" wrapText="1"/>
      <protection locked="0"/>
    </xf>
    <xf numFmtId="49" fontId="2" fillId="6" borderId="10" xfId="0" applyNumberFormat="1" applyFont="1" applyFill="1" applyBorder="1" applyAlignment="1" applyProtection="1">
      <alignment horizontal="left" vertical="center" wrapText="1"/>
      <protection locked="0"/>
    </xf>
    <xf numFmtId="49" fontId="2" fillId="6" borderId="9" xfId="0" applyNumberFormat="1" applyFont="1" applyFill="1" applyBorder="1" applyAlignment="1" applyProtection="1">
      <alignment horizontal="left" vertical="center" wrapText="1"/>
      <protection locked="0"/>
    </xf>
    <xf numFmtId="0" fontId="4" fillId="6" borderId="5" xfId="0" applyFont="1" applyFill="1" applyBorder="1" applyAlignment="1" applyProtection="1">
      <alignment horizontal="left" vertical="center" wrapText="1"/>
      <protection locked="0"/>
    </xf>
    <xf numFmtId="0" fontId="4" fillId="6" borderId="6" xfId="0" applyFont="1" applyFill="1" applyBorder="1" applyAlignment="1" applyProtection="1">
      <alignment horizontal="left" vertical="center" wrapText="1"/>
      <protection locked="0"/>
    </xf>
    <xf numFmtId="49" fontId="4" fillId="2" borderId="16" xfId="0" applyNumberFormat="1" applyFont="1" applyFill="1" applyBorder="1" applyAlignment="1" applyProtection="1">
      <alignment horizontal="center" vertical="center" wrapText="1"/>
      <protection locked="0"/>
    </xf>
    <xf numFmtId="49" fontId="4" fillId="2" borderId="17" xfId="0" applyNumberFormat="1" applyFont="1" applyFill="1" applyBorder="1" applyAlignment="1" applyProtection="1">
      <alignment horizontal="center" vertical="center" wrapText="1"/>
      <protection locked="0"/>
    </xf>
    <xf numFmtId="0" fontId="2" fillId="0" borderId="25" xfId="0" applyFont="1" applyFill="1" applyBorder="1" applyAlignment="1" applyProtection="1">
      <alignment horizontal="left" vertical="center" wrapText="1"/>
      <protection locked="0"/>
    </xf>
    <xf numFmtId="0" fontId="2" fillId="0" borderId="26" xfId="0" applyFont="1" applyFill="1" applyBorder="1" applyAlignment="1" applyProtection="1">
      <alignment horizontal="left" vertical="center" wrapText="1"/>
      <protection locked="0"/>
    </xf>
    <xf numFmtId="49" fontId="2" fillId="6" borderId="20" xfId="0" applyNumberFormat="1" applyFont="1" applyFill="1" applyBorder="1" applyAlignment="1" applyProtection="1">
      <alignment horizontal="left" vertical="center" wrapText="1"/>
      <protection locked="0"/>
    </xf>
    <xf numFmtId="49" fontId="2" fillId="6" borderId="21" xfId="0" applyNumberFormat="1" applyFont="1" applyFill="1" applyBorder="1" applyAlignment="1" applyProtection="1">
      <alignment horizontal="left" vertical="center" wrapText="1"/>
      <protection locked="0"/>
    </xf>
    <xf numFmtId="0" fontId="2" fillId="0" borderId="5" xfId="0" applyFont="1" applyFill="1" applyBorder="1" applyAlignment="1" applyProtection="1">
      <alignment horizontal="left" vertical="center" wrapText="1"/>
      <protection locked="0"/>
    </xf>
    <xf numFmtId="0" fontId="2" fillId="0" borderId="31" xfId="0" applyFont="1" applyFill="1" applyBorder="1" applyAlignment="1" applyProtection="1">
      <alignment horizontal="left" vertical="center" wrapText="1"/>
      <protection locked="0"/>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49"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49" fontId="5" fillId="0" borderId="10" xfId="0" applyNumberFormat="1" applyFont="1" applyFill="1" applyBorder="1" applyAlignment="1" applyProtection="1">
      <alignment vertical="center" wrapText="1"/>
    </xf>
    <xf numFmtId="49" fontId="4" fillId="6" borderId="10" xfId="0" applyNumberFormat="1" applyFont="1" applyFill="1" applyBorder="1" applyAlignment="1" applyProtection="1">
      <alignment vertical="center" wrapText="1"/>
    </xf>
    <xf numFmtId="0" fontId="2" fillId="0" borderId="10" xfId="0" applyFont="1" applyBorder="1" applyAlignment="1" applyProtection="1">
      <alignment vertical="center" wrapText="1"/>
    </xf>
    <xf numFmtId="49" fontId="3" fillId="0" borderId="10" xfId="0" applyNumberFormat="1" applyFont="1" applyBorder="1" applyAlignment="1" applyProtection="1">
      <alignment vertical="center" wrapText="1"/>
    </xf>
    <xf numFmtId="49" fontId="2" fillId="0" borderId="10" xfId="0" applyNumberFormat="1" applyFont="1" applyBorder="1" applyAlignment="1" applyProtection="1">
      <alignment vertical="center" wrapText="1"/>
    </xf>
    <xf numFmtId="49" fontId="5" fillId="0" borderId="10" xfId="0" applyNumberFormat="1" applyFont="1" applyBorder="1" applyAlignment="1" applyProtection="1">
      <alignment vertical="center" wrapText="1"/>
    </xf>
    <xf numFmtId="49" fontId="2" fillId="0" borderId="10" xfId="0" applyNumberFormat="1" applyFont="1" applyBorder="1" applyAlignment="1" applyProtection="1">
      <alignment vertical="center" wrapText="1"/>
    </xf>
    <xf numFmtId="0" fontId="3" fillId="0" borderId="10" xfId="0" applyFont="1" applyBorder="1" applyAlignment="1" applyProtection="1">
      <alignment vertical="center" wrapText="1"/>
    </xf>
    <xf numFmtId="0" fontId="16" fillId="0" borderId="10" xfId="0" applyFont="1" applyBorder="1" applyAlignment="1" applyProtection="1">
      <alignment vertical="center" wrapText="1"/>
    </xf>
    <xf numFmtId="49" fontId="2" fillId="0" borderId="27" xfId="0" applyNumberFormat="1" applyFont="1" applyBorder="1" applyAlignment="1" applyProtection="1">
      <alignment horizontal="center" vertical="center" wrapText="1"/>
    </xf>
    <xf numFmtId="0" fontId="4" fillId="0" borderId="43" xfId="0" applyFont="1" applyBorder="1" applyAlignment="1" applyProtection="1">
      <alignment vertical="center" wrapText="1"/>
    </xf>
    <xf numFmtId="49" fontId="2" fillId="6" borderId="34" xfId="0" applyNumberFormat="1" applyFont="1" applyFill="1" applyBorder="1" applyAlignment="1" applyProtection="1">
      <alignment horizontal="center" vertical="center" wrapText="1"/>
    </xf>
    <xf numFmtId="0" fontId="4" fillId="6" borderId="37" xfId="0" applyFont="1" applyFill="1" applyBorder="1" applyAlignment="1" applyProtection="1">
      <alignment vertical="center" wrapText="1"/>
    </xf>
    <xf numFmtId="49" fontId="2" fillId="6" borderId="35" xfId="0" applyNumberFormat="1" applyFont="1" applyFill="1" applyBorder="1" applyAlignment="1" applyProtection="1">
      <alignment horizontal="right" vertical="center" wrapText="1"/>
    </xf>
    <xf numFmtId="0" fontId="4" fillId="6" borderId="38" xfId="0" applyFont="1" applyFill="1" applyBorder="1" applyAlignment="1" applyProtection="1">
      <alignment vertical="center" wrapText="1"/>
    </xf>
    <xf numFmtId="49" fontId="2" fillId="6" borderId="36" xfId="0" applyNumberFormat="1" applyFont="1" applyFill="1" applyBorder="1" applyAlignment="1" applyProtection="1">
      <alignment horizontal="right" vertical="center" wrapText="1"/>
    </xf>
    <xf numFmtId="0" fontId="4" fillId="6" borderId="39" xfId="0" applyFont="1" applyFill="1" applyBorder="1" applyAlignment="1" applyProtection="1">
      <alignment vertical="center" wrapText="1"/>
    </xf>
    <xf numFmtId="0" fontId="4" fillId="0" borderId="5" xfId="0" applyFont="1" applyFill="1" applyBorder="1" applyAlignment="1" applyProtection="1">
      <alignment vertical="center" wrapText="1"/>
    </xf>
    <xf numFmtId="49" fontId="2" fillId="0" borderId="8" xfId="0" applyNumberFormat="1" applyFont="1" applyFill="1" applyBorder="1" applyAlignment="1" applyProtection="1">
      <alignment horizontal="center" vertical="center" wrapText="1"/>
    </xf>
    <xf numFmtId="0" fontId="4" fillId="6" borderId="5" xfId="0" applyFont="1" applyFill="1" applyBorder="1" applyAlignment="1" applyProtection="1">
      <alignment vertical="center" wrapText="1"/>
    </xf>
    <xf numFmtId="49" fontId="2" fillId="0" borderId="40" xfId="0" applyNumberFormat="1" applyFont="1" applyFill="1" applyBorder="1" applyAlignment="1" applyProtection="1">
      <alignment horizontal="center" vertical="center" wrapText="1"/>
    </xf>
    <xf numFmtId="49" fontId="2" fillId="0" borderId="41" xfId="0" applyNumberFormat="1" applyFont="1" applyFill="1" applyBorder="1" applyAlignment="1" applyProtection="1">
      <alignment horizontal="right" vertical="center" wrapText="1"/>
    </xf>
    <xf numFmtId="49" fontId="2" fillId="0" borderId="42" xfId="0" applyNumberFormat="1" applyFont="1" applyFill="1" applyBorder="1" applyAlignment="1" applyProtection="1">
      <alignment horizontal="right" vertical="center" wrapText="1"/>
    </xf>
    <xf numFmtId="49" fontId="2" fillId="0" borderId="34" xfId="0" applyNumberFormat="1" applyFont="1" applyFill="1" applyBorder="1" applyAlignment="1" applyProtection="1">
      <alignment horizontal="center" vertical="center" wrapText="1"/>
    </xf>
    <xf numFmtId="49" fontId="2" fillId="0" borderId="35" xfId="0" applyNumberFormat="1" applyFont="1" applyFill="1" applyBorder="1" applyAlignment="1" applyProtection="1">
      <alignment horizontal="right" vertical="center" wrapText="1"/>
    </xf>
    <xf numFmtId="49" fontId="2" fillId="0" borderId="36" xfId="0" applyNumberFormat="1" applyFont="1" applyFill="1" applyBorder="1" applyAlignment="1" applyProtection="1">
      <alignment horizontal="right" vertical="center" wrapText="1"/>
    </xf>
    <xf numFmtId="0" fontId="4" fillId="0" borderId="39" xfId="0" applyFont="1" applyFill="1" applyBorder="1" applyAlignment="1" applyProtection="1">
      <alignment vertical="center" wrapText="1"/>
    </xf>
    <xf numFmtId="49" fontId="2" fillId="0" borderId="41" xfId="0" applyNumberFormat="1" applyFont="1" applyFill="1" applyBorder="1" applyAlignment="1" applyProtection="1">
      <alignment horizontal="center" vertical="center" wrapText="1"/>
    </xf>
    <xf numFmtId="49" fontId="2" fillId="0" borderId="42" xfId="0" applyNumberFormat="1" applyFont="1" applyFill="1" applyBorder="1" applyAlignment="1" applyProtection="1">
      <alignment horizontal="center" vertical="center" wrapText="1"/>
    </xf>
    <xf numFmtId="0" fontId="2" fillId="0" borderId="5" xfId="0" applyFont="1" applyBorder="1" applyAlignment="1" applyProtection="1">
      <alignment vertical="center"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17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356"/>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97" t="s">
        <v>44</v>
      </c>
      <c r="C1" s="97"/>
      <c r="D1" s="97"/>
      <c r="E1" s="97"/>
      <c r="F1" s="97"/>
    </row>
    <row r="2" spans="2:6" s="12" customFormat="1" ht="27.75" customHeight="1" x14ac:dyDescent="0.2">
      <c r="B2" s="96" t="s">
        <v>42</v>
      </c>
      <c r="C2" s="96"/>
      <c r="D2" s="96"/>
      <c r="E2" s="96"/>
      <c r="F2" s="96"/>
    </row>
    <row r="3" spans="2:6" s="12" customFormat="1" ht="54.75" customHeight="1" x14ac:dyDescent="0.2">
      <c r="B3" s="114" t="s">
        <v>47</v>
      </c>
      <c r="C3" s="114"/>
      <c r="D3" s="114"/>
      <c r="E3" s="114"/>
      <c r="F3" s="114"/>
    </row>
    <row r="4" spans="2:6" ht="24.95" customHeight="1" x14ac:dyDescent="0.2">
      <c r="B4" s="13" t="s">
        <v>46</v>
      </c>
      <c r="C4" s="14"/>
      <c r="D4" s="83"/>
      <c r="E4" s="83"/>
      <c r="F4" s="83"/>
    </row>
    <row r="5" spans="2:6" ht="24.95" customHeight="1" x14ac:dyDescent="0.2">
      <c r="B5" s="13" t="s">
        <v>45</v>
      </c>
      <c r="C5" s="15"/>
      <c r="D5" s="83"/>
      <c r="E5" s="83"/>
      <c r="F5" s="83"/>
    </row>
    <row r="6" spans="2:6" ht="5.0999999999999996" customHeight="1" x14ac:dyDescent="0.2">
      <c r="B6" s="83"/>
      <c r="C6" s="83"/>
      <c r="D6" s="83"/>
      <c r="E6" s="83"/>
      <c r="F6" s="83"/>
    </row>
    <row r="7" spans="2:6" s="16" customFormat="1" ht="20.100000000000001" customHeight="1" x14ac:dyDescent="0.25">
      <c r="B7" s="102" t="s">
        <v>5</v>
      </c>
      <c r="C7" s="102"/>
      <c r="D7" s="102"/>
      <c r="E7" s="102"/>
      <c r="F7" s="102"/>
    </row>
    <row r="8" spans="2:6" s="16" customFormat="1" ht="20.100000000000001" customHeight="1" x14ac:dyDescent="0.25">
      <c r="B8" s="115" t="s">
        <v>9</v>
      </c>
      <c r="C8" s="115"/>
      <c r="D8" s="115"/>
      <c r="E8" s="115"/>
      <c r="F8" s="115"/>
    </row>
    <row r="9" spans="2:6" ht="28.5" customHeight="1" x14ac:dyDescent="0.2">
      <c r="B9" s="116" t="s">
        <v>91</v>
      </c>
      <c r="C9" s="116"/>
      <c r="D9" s="116"/>
      <c r="E9" s="116"/>
      <c r="F9" s="116"/>
    </row>
    <row r="10" spans="2:6" ht="4.5" customHeight="1" x14ac:dyDescent="0.2">
      <c r="B10" s="17"/>
      <c r="C10" s="17"/>
      <c r="D10" s="17"/>
      <c r="E10" s="17"/>
      <c r="F10" s="17"/>
    </row>
    <row r="11" spans="2:6" s="16" customFormat="1" ht="20.100000000000001" customHeight="1" x14ac:dyDescent="0.25">
      <c r="B11" s="117" t="s">
        <v>10</v>
      </c>
      <c r="C11" s="117"/>
      <c r="D11" s="117"/>
      <c r="E11" s="117"/>
      <c r="F11" s="117"/>
    </row>
    <row r="12" spans="2:6" s="19" customFormat="1" ht="20.100000000000001" customHeight="1" x14ac:dyDescent="0.25">
      <c r="B12" s="118" t="s">
        <v>92</v>
      </c>
      <c r="C12" s="118"/>
      <c r="D12" s="118"/>
      <c r="E12" s="18"/>
      <c r="F12" s="18"/>
    </row>
    <row r="13" spans="2:6" s="19" customFormat="1" ht="20.100000000000001" customHeight="1" x14ac:dyDescent="0.25">
      <c r="B13" s="118" t="s">
        <v>88</v>
      </c>
      <c r="C13" s="118"/>
      <c r="D13" s="118"/>
      <c r="E13" s="18"/>
      <c r="F13" s="18"/>
    </row>
    <row r="14" spans="2:6" s="19" customFormat="1" ht="20.100000000000001" customHeight="1" x14ac:dyDescent="0.25">
      <c r="B14" s="118" t="s">
        <v>71</v>
      </c>
      <c r="C14" s="118"/>
      <c r="D14" s="80"/>
      <c r="E14" s="18"/>
      <c r="F14" s="18"/>
    </row>
    <row r="15" spans="2:6" s="19" customFormat="1" ht="20.100000000000001" customHeight="1" x14ac:dyDescent="0.25">
      <c r="B15" s="118" t="s">
        <v>70</v>
      </c>
      <c r="C15" s="118"/>
      <c r="D15" s="118"/>
      <c r="E15" s="18"/>
      <c r="F15" s="18"/>
    </row>
    <row r="16" spans="2:6" ht="4.5" customHeight="1" x14ac:dyDescent="0.2">
      <c r="B16" s="84"/>
      <c r="C16" s="84"/>
      <c r="D16" s="84"/>
      <c r="E16" s="17"/>
      <c r="F16" s="17"/>
    </row>
    <row r="17" spans="2:6" ht="20.100000000000001" customHeight="1" x14ac:dyDescent="0.2">
      <c r="B17" s="20" t="s">
        <v>11</v>
      </c>
      <c r="C17" s="21"/>
      <c r="D17" s="21"/>
      <c r="E17" s="22"/>
      <c r="F17" s="22"/>
    </row>
    <row r="18" spans="2:6" s="25" customFormat="1" ht="24.95" customHeight="1" x14ac:dyDescent="0.25">
      <c r="B18" s="112" t="s">
        <v>55</v>
      </c>
      <c r="C18" s="112"/>
      <c r="D18" s="112"/>
      <c r="E18" s="23"/>
      <c r="F18" s="24"/>
    </row>
    <row r="19" spans="2:6" ht="5.0999999999999996" customHeight="1" x14ac:dyDescent="0.2">
      <c r="B19" s="113"/>
      <c r="C19" s="113"/>
      <c r="D19" s="113"/>
      <c r="F19" s="27"/>
    </row>
    <row r="20" spans="2:6" s="16" customFormat="1" ht="20.100000000000001" customHeight="1" x14ac:dyDescent="0.25">
      <c r="B20" s="102" t="s">
        <v>24</v>
      </c>
      <c r="C20" s="102"/>
      <c r="D20" s="102"/>
      <c r="E20" s="102"/>
      <c r="F20" s="102"/>
    </row>
    <row r="21" spans="2:6" ht="58.5" customHeight="1" x14ac:dyDescent="0.2">
      <c r="B21" s="154" t="s">
        <v>431</v>
      </c>
      <c r="C21" s="154"/>
      <c r="D21" s="154"/>
      <c r="E21" s="154"/>
      <c r="F21" s="154"/>
    </row>
    <row r="22" spans="2:6" ht="5.0999999999999996" customHeight="1" x14ac:dyDescent="0.2">
      <c r="B22" s="113"/>
      <c r="C22" s="113"/>
      <c r="D22" s="113"/>
      <c r="F22" s="27"/>
    </row>
    <row r="23" spans="2:6" s="16" customFormat="1" ht="20.100000000000001" customHeight="1" x14ac:dyDescent="0.25">
      <c r="B23" s="102" t="s">
        <v>25</v>
      </c>
      <c r="C23" s="102"/>
      <c r="D23" s="102"/>
      <c r="E23" s="102"/>
      <c r="F23" s="102"/>
    </row>
    <row r="24" spans="2:6" s="28" customFormat="1" ht="20.100000000000001" customHeight="1" x14ac:dyDescent="0.25">
      <c r="B24" s="155" t="s">
        <v>6</v>
      </c>
      <c r="C24" s="155"/>
      <c r="D24" s="155"/>
      <c r="E24" s="155"/>
      <c r="F24" s="155"/>
    </row>
    <row r="25" spans="2:6" s="28" customFormat="1" ht="20.100000000000001" customHeight="1" x14ac:dyDescent="0.25">
      <c r="B25" s="98" t="s">
        <v>18</v>
      </c>
      <c r="C25" s="99"/>
      <c r="D25" s="81"/>
      <c r="E25" s="81"/>
      <c r="F25" s="81"/>
    </row>
    <row r="26" spans="2:6" s="28" customFormat="1" ht="20.100000000000001" customHeight="1" x14ac:dyDescent="0.25">
      <c r="B26" s="29"/>
      <c r="C26" s="29" t="s">
        <v>22</v>
      </c>
      <c r="D26" s="81"/>
      <c r="E26" s="81"/>
      <c r="F26" s="81"/>
    </row>
    <row r="27" spans="2:6" s="28" customFormat="1" ht="20.100000000000001" customHeight="1" x14ac:dyDescent="0.25">
      <c r="B27" s="29"/>
      <c r="C27" s="29" t="s">
        <v>23</v>
      </c>
      <c r="D27" s="81"/>
      <c r="E27" s="81"/>
      <c r="F27" s="81"/>
    </row>
    <row r="28" spans="2:6" s="28" customFormat="1" ht="20.100000000000001" customHeight="1" x14ac:dyDescent="0.25">
      <c r="B28" s="98" t="s">
        <v>19</v>
      </c>
      <c r="C28" s="99"/>
      <c r="D28" s="81"/>
      <c r="E28" s="81"/>
      <c r="F28" s="81"/>
    </row>
    <row r="29" spans="2:6" s="28" customFormat="1" ht="31.5" customHeight="1" x14ac:dyDescent="0.25">
      <c r="B29" s="30" t="s">
        <v>20</v>
      </c>
      <c r="C29" s="156" t="s">
        <v>13</v>
      </c>
      <c r="D29" s="157"/>
      <c r="E29" s="31" t="s">
        <v>12</v>
      </c>
      <c r="F29" s="31" t="s">
        <v>14</v>
      </c>
    </row>
    <row r="30" spans="2:6" s="28" customFormat="1" ht="24.95" customHeight="1" x14ac:dyDescent="0.25">
      <c r="B30" s="32" t="s">
        <v>2</v>
      </c>
      <c r="C30" s="152" t="s">
        <v>91</v>
      </c>
      <c r="D30" s="153"/>
      <c r="E30" s="33" t="s">
        <v>1</v>
      </c>
      <c r="F30" s="34">
        <v>1</v>
      </c>
    </row>
    <row r="31" spans="2:6" s="28" customFormat="1" ht="24.95" customHeight="1" x14ac:dyDescent="0.25">
      <c r="B31" s="35" t="s">
        <v>72</v>
      </c>
      <c r="C31" s="142" t="s">
        <v>73</v>
      </c>
      <c r="D31" s="143"/>
      <c r="E31" s="36" t="s">
        <v>74</v>
      </c>
      <c r="F31" s="37">
        <v>60</v>
      </c>
    </row>
    <row r="32" spans="2:6" s="28" customFormat="1" ht="4.5" customHeight="1" x14ac:dyDescent="0.25">
      <c r="B32" s="81"/>
      <c r="C32" s="81"/>
      <c r="D32" s="81"/>
      <c r="E32" s="81"/>
      <c r="F32" s="81"/>
    </row>
    <row r="33" spans="2:7" s="28" customFormat="1" ht="20.100000000000001" customHeight="1" x14ac:dyDescent="0.25">
      <c r="B33" s="98" t="s">
        <v>21</v>
      </c>
      <c r="C33" s="99"/>
      <c r="D33" s="81"/>
      <c r="E33" s="81"/>
      <c r="F33" s="81"/>
    </row>
    <row r="34" spans="2:7" s="28" customFormat="1" ht="20.100000000000001" customHeight="1" x14ac:dyDescent="0.2">
      <c r="B34" s="12"/>
      <c r="C34" s="28" t="s">
        <v>3</v>
      </c>
      <c r="D34" s="81"/>
      <c r="E34" s="81"/>
      <c r="F34" s="81"/>
    </row>
    <row r="35" spans="2:7" s="28" customFormat="1" ht="20.100000000000001" customHeight="1" x14ac:dyDescent="0.25">
      <c r="B35" s="29"/>
      <c r="C35" s="16" t="s">
        <v>4</v>
      </c>
      <c r="D35" s="81"/>
      <c r="E35" s="81"/>
      <c r="F35" s="81"/>
    </row>
    <row r="36" spans="2:7" ht="5.0999999999999996" customHeight="1" x14ac:dyDescent="0.2"/>
    <row r="37" spans="2:7" s="16" customFormat="1" ht="20.100000000000001" customHeight="1" x14ac:dyDescent="0.25">
      <c r="B37" s="102" t="s">
        <v>26</v>
      </c>
      <c r="C37" s="102"/>
      <c r="D37" s="102"/>
      <c r="E37" s="102"/>
      <c r="F37" s="102"/>
    </row>
    <row r="38" spans="2:7" s="16" customFormat="1" ht="5.0999999999999996" customHeight="1" thickBot="1" x14ac:dyDescent="0.3">
      <c r="B38" s="27"/>
      <c r="D38" s="38"/>
      <c r="E38" s="38"/>
      <c r="F38" s="38"/>
    </row>
    <row r="39" spans="2:7" s="25" customFormat="1" ht="93" customHeight="1" x14ac:dyDescent="0.25">
      <c r="B39" s="103" t="s">
        <v>0</v>
      </c>
      <c r="C39" s="104"/>
      <c r="D39" s="107" t="s">
        <v>56</v>
      </c>
      <c r="E39" s="108"/>
      <c r="F39" s="109"/>
      <c r="G39" s="39"/>
    </row>
    <row r="40" spans="2:7" s="25" customFormat="1" ht="30" customHeight="1" thickBot="1" x14ac:dyDescent="0.3">
      <c r="B40" s="105"/>
      <c r="C40" s="106"/>
      <c r="D40" s="40" t="s">
        <v>27</v>
      </c>
      <c r="E40" s="144" t="s">
        <v>28</v>
      </c>
      <c r="F40" s="145"/>
    </row>
    <row r="41" spans="2:7" s="41" customFormat="1" ht="30.75" customHeight="1" x14ac:dyDescent="0.25">
      <c r="B41" s="93" t="s">
        <v>93</v>
      </c>
      <c r="C41" s="94"/>
      <c r="D41" s="94"/>
      <c r="E41" s="94"/>
      <c r="F41" s="95"/>
    </row>
    <row r="42" spans="2:7" s="43" customFormat="1" ht="30" customHeight="1" x14ac:dyDescent="0.25">
      <c r="B42" s="78" t="s">
        <v>58</v>
      </c>
      <c r="C42" s="158" t="s">
        <v>94</v>
      </c>
      <c r="D42" s="42"/>
      <c r="E42" s="86"/>
      <c r="F42" s="87"/>
    </row>
    <row r="43" spans="2:7" s="43" customFormat="1" ht="27.75" customHeight="1" x14ac:dyDescent="0.25">
      <c r="B43" s="78" t="s">
        <v>95</v>
      </c>
      <c r="C43" s="158" t="s">
        <v>96</v>
      </c>
      <c r="D43" s="42"/>
      <c r="E43" s="86"/>
      <c r="F43" s="87"/>
    </row>
    <row r="44" spans="2:7" s="43" customFormat="1" ht="33" customHeight="1" x14ac:dyDescent="0.25">
      <c r="B44" s="78" t="s">
        <v>97</v>
      </c>
      <c r="C44" s="159" t="s">
        <v>98</v>
      </c>
      <c r="D44" s="42"/>
      <c r="E44" s="86"/>
      <c r="F44" s="87"/>
    </row>
    <row r="45" spans="2:7" s="43" customFormat="1" ht="34.5" customHeight="1" x14ac:dyDescent="0.25">
      <c r="B45" s="78" t="s">
        <v>99</v>
      </c>
      <c r="C45" s="78" t="s">
        <v>100</v>
      </c>
      <c r="D45" s="42"/>
      <c r="E45" s="86"/>
      <c r="F45" s="87"/>
    </row>
    <row r="46" spans="2:7" s="43" customFormat="1" ht="49.5" customHeight="1" x14ac:dyDescent="0.25">
      <c r="B46" s="78" t="s">
        <v>101</v>
      </c>
      <c r="C46" s="160" t="s">
        <v>102</v>
      </c>
      <c r="D46" s="42"/>
      <c r="E46" s="86"/>
      <c r="F46" s="87"/>
    </row>
    <row r="47" spans="2:7" s="43" customFormat="1" ht="30" customHeight="1" x14ac:dyDescent="0.25">
      <c r="B47" s="78" t="s">
        <v>103</v>
      </c>
      <c r="C47" s="160" t="s">
        <v>104</v>
      </c>
      <c r="D47" s="42"/>
      <c r="E47" s="86"/>
      <c r="F47" s="87"/>
    </row>
    <row r="48" spans="2:7" s="43" customFormat="1" ht="30" customHeight="1" x14ac:dyDescent="0.25">
      <c r="B48" s="78" t="s">
        <v>105</v>
      </c>
      <c r="C48" s="160" t="s">
        <v>106</v>
      </c>
      <c r="D48" s="42"/>
      <c r="E48" s="86"/>
      <c r="F48" s="87"/>
    </row>
    <row r="49" spans="2:6" s="43" customFormat="1" ht="41.25" customHeight="1" x14ac:dyDescent="0.25">
      <c r="B49" s="78" t="s">
        <v>107</v>
      </c>
      <c r="C49" s="160" t="s">
        <v>108</v>
      </c>
      <c r="D49" s="42"/>
      <c r="E49" s="86"/>
      <c r="F49" s="87"/>
    </row>
    <row r="50" spans="2:6" s="43" customFormat="1" ht="36.75" customHeight="1" x14ac:dyDescent="0.25">
      <c r="B50" s="78" t="s">
        <v>109</v>
      </c>
      <c r="C50" s="160" t="s">
        <v>110</v>
      </c>
      <c r="D50" s="42"/>
      <c r="E50" s="86"/>
      <c r="F50" s="87"/>
    </row>
    <row r="51" spans="2:6" s="43" customFormat="1" ht="30" customHeight="1" x14ac:dyDescent="0.25">
      <c r="B51" s="78" t="s">
        <v>111</v>
      </c>
      <c r="C51" s="160" t="s">
        <v>112</v>
      </c>
      <c r="D51" s="42"/>
      <c r="E51" s="86"/>
      <c r="F51" s="87"/>
    </row>
    <row r="52" spans="2:6" s="43" customFormat="1" ht="41.25" customHeight="1" x14ac:dyDescent="0.25">
      <c r="B52" s="78" t="s">
        <v>113</v>
      </c>
      <c r="C52" s="160" t="s">
        <v>114</v>
      </c>
      <c r="D52" s="42"/>
      <c r="E52" s="86"/>
      <c r="F52" s="87"/>
    </row>
    <row r="53" spans="2:6" s="43" customFormat="1" ht="36" customHeight="1" x14ac:dyDescent="0.25">
      <c r="B53" s="78" t="s">
        <v>115</v>
      </c>
      <c r="C53" s="160" t="s">
        <v>116</v>
      </c>
      <c r="D53" s="42"/>
      <c r="E53" s="86"/>
      <c r="F53" s="87"/>
    </row>
    <row r="54" spans="2:6" s="43" customFormat="1" ht="36.75" customHeight="1" x14ac:dyDescent="0.25">
      <c r="B54" s="78" t="s">
        <v>117</v>
      </c>
      <c r="C54" s="160" t="s">
        <v>118</v>
      </c>
      <c r="D54" s="42"/>
      <c r="E54" s="86"/>
      <c r="F54" s="87"/>
    </row>
    <row r="55" spans="2:6" s="43" customFormat="1" ht="30" customHeight="1" x14ac:dyDescent="0.25">
      <c r="B55" s="78" t="s">
        <v>119</v>
      </c>
      <c r="C55" s="160" t="s">
        <v>120</v>
      </c>
      <c r="D55" s="42"/>
      <c r="E55" s="86"/>
      <c r="F55" s="87"/>
    </row>
    <row r="56" spans="2:6" s="43" customFormat="1" ht="30" customHeight="1" x14ac:dyDescent="0.25">
      <c r="B56" s="78" t="s">
        <v>121</v>
      </c>
      <c r="C56" s="160" t="s">
        <v>122</v>
      </c>
      <c r="D56" s="42"/>
      <c r="E56" s="86"/>
      <c r="F56" s="87"/>
    </row>
    <row r="57" spans="2:6" s="43" customFormat="1" ht="30" customHeight="1" x14ac:dyDescent="0.25">
      <c r="B57" s="78" t="s">
        <v>123</v>
      </c>
      <c r="C57" s="160" t="s">
        <v>124</v>
      </c>
      <c r="D57" s="42"/>
      <c r="E57" s="86"/>
      <c r="F57" s="87"/>
    </row>
    <row r="58" spans="2:6" s="43" customFormat="1" ht="30" customHeight="1" x14ac:dyDescent="0.25">
      <c r="B58" s="78" t="s">
        <v>125</v>
      </c>
      <c r="C58" s="160" t="s">
        <v>126</v>
      </c>
      <c r="D58" s="42"/>
      <c r="E58" s="86"/>
      <c r="F58" s="87"/>
    </row>
    <row r="59" spans="2:6" s="43" customFormat="1" ht="37.5" customHeight="1" x14ac:dyDescent="0.25">
      <c r="B59" s="78" t="s">
        <v>127</v>
      </c>
      <c r="C59" s="161" t="s">
        <v>128</v>
      </c>
      <c r="D59" s="42"/>
      <c r="E59" s="86"/>
      <c r="F59" s="87"/>
    </row>
    <row r="60" spans="2:6" s="43" customFormat="1" ht="30" customHeight="1" x14ac:dyDescent="0.25">
      <c r="B60" s="162" t="s">
        <v>129</v>
      </c>
      <c r="C60" s="160" t="s">
        <v>130</v>
      </c>
      <c r="D60" s="42"/>
      <c r="E60" s="86"/>
      <c r="F60" s="87"/>
    </row>
    <row r="61" spans="2:6" s="43" customFormat="1" ht="30" customHeight="1" x14ac:dyDescent="0.25">
      <c r="B61" s="162" t="s">
        <v>131</v>
      </c>
      <c r="C61" s="160" t="s">
        <v>132</v>
      </c>
      <c r="D61" s="42"/>
      <c r="E61" s="86"/>
      <c r="F61" s="87"/>
    </row>
    <row r="62" spans="2:6" s="43" customFormat="1" ht="30" customHeight="1" x14ac:dyDescent="0.25">
      <c r="B62" s="162" t="s">
        <v>133</v>
      </c>
      <c r="C62" s="160" t="s">
        <v>134</v>
      </c>
      <c r="D62" s="42"/>
      <c r="E62" s="86"/>
      <c r="F62" s="87"/>
    </row>
    <row r="63" spans="2:6" s="43" customFormat="1" ht="45.75" customHeight="1" x14ac:dyDescent="0.25">
      <c r="B63" s="162" t="s">
        <v>135</v>
      </c>
      <c r="C63" s="160" t="s">
        <v>136</v>
      </c>
      <c r="D63" s="42"/>
      <c r="E63" s="86"/>
      <c r="F63" s="87"/>
    </row>
    <row r="64" spans="2:6" s="43" customFormat="1" ht="48" customHeight="1" x14ac:dyDescent="0.25">
      <c r="B64" s="162" t="s">
        <v>137</v>
      </c>
      <c r="C64" s="160" t="s">
        <v>138</v>
      </c>
      <c r="D64" s="42"/>
      <c r="E64" s="86"/>
      <c r="F64" s="87"/>
    </row>
    <row r="65" spans="2:6" s="43" customFormat="1" ht="30" customHeight="1" x14ac:dyDescent="0.25">
      <c r="B65" s="162" t="s">
        <v>139</v>
      </c>
      <c r="C65" s="160" t="s">
        <v>140</v>
      </c>
      <c r="D65" s="42"/>
      <c r="E65" s="86"/>
      <c r="F65" s="87"/>
    </row>
    <row r="66" spans="2:6" s="43" customFormat="1" ht="30" customHeight="1" x14ac:dyDescent="0.25">
      <c r="B66" s="162" t="s">
        <v>141</v>
      </c>
      <c r="C66" s="160" t="s">
        <v>142</v>
      </c>
      <c r="D66" s="42"/>
      <c r="E66" s="86"/>
      <c r="F66" s="87"/>
    </row>
    <row r="67" spans="2:6" s="43" customFormat="1" ht="30" customHeight="1" x14ac:dyDescent="0.25">
      <c r="B67" s="162" t="s">
        <v>143</v>
      </c>
      <c r="C67" s="160" t="s">
        <v>144</v>
      </c>
      <c r="D67" s="42"/>
      <c r="E67" s="86"/>
      <c r="F67" s="87"/>
    </row>
    <row r="68" spans="2:6" s="43" customFormat="1" ht="30" customHeight="1" x14ac:dyDescent="0.25">
      <c r="B68" s="162" t="s">
        <v>145</v>
      </c>
      <c r="C68" s="163" t="s">
        <v>146</v>
      </c>
      <c r="D68" s="42"/>
      <c r="E68" s="86"/>
      <c r="F68" s="87"/>
    </row>
    <row r="69" spans="2:6" s="43" customFormat="1" ht="30" customHeight="1" x14ac:dyDescent="0.25">
      <c r="B69" s="162" t="s">
        <v>147</v>
      </c>
      <c r="C69" s="160" t="s">
        <v>148</v>
      </c>
      <c r="D69" s="42"/>
      <c r="E69" s="86"/>
      <c r="F69" s="87"/>
    </row>
    <row r="70" spans="2:6" s="43" customFormat="1" ht="30" customHeight="1" x14ac:dyDescent="0.25">
      <c r="B70" s="162" t="s">
        <v>149</v>
      </c>
      <c r="C70" s="160" t="s">
        <v>150</v>
      </c>
      <c r="D70" s="42"/>
      <c r="E70" s="86"/>
      <c r="F70" s="87"/>
    </row>
    <row r="71" spans="2:6" s="43" customFormat="1" ht="30" customHeight="1" x14ac:dyDescent="0.25">
      <c r="B71" s="162" t="s">
        <v>151</v>
      </c>
      <c r="C71" s="160" t="s">
        <v>152</v>
      </c>
      <c r="D71" s="42"/>
      <c r="E71" s="86"/>
      <c r="F71" s="87"/>
    </row>
    <row r="72" spans="2:6" s="43" customFormat="1" ht="30" customHeight="1" x14ac:dyDescent="0.25">
      <c r="B72" s="162" t="s">
        <v>153</v>
      </c>
      <c r="C72" s="160" t="s">
        <v>154</v>
      </c>
      <c r="D72" s="42"/>
      <c r="E72" s="86"/>
      <c r="F72" s="87"/>
    </row>
    <row r="73" spans="2:6" s="43" customFormat="1" ht="30" customHeight="1" x14ac:dyDescent="0.25">
      <c r="B73" s="162" t="s">
        <v>155</v>
      </c>
      <c r="C73" s="160" t="s">
        <v>156</v>
      </c>
      <c r="D73" s="42"/>
      <c r="E73" s="86"/>
      <c r="F73" s="87"/>
    </row>
    <row r="74" spans="2:6" s="43" customFormat="1" ht="30" customHeight="1" x14ac:dyDescent="0.25">
      <c r="B74" s="162" t="s">
        <v>157</v>
      </c>
      <c r="C74" s="160" t="s">
        <v>158</v>
      </c>
      <c r="D74" s="42"/>
      <c r="E74" s="86"/>
      <c r="F74" s="87"/>
    </row>
    <row r="75" spans="2:6" s="43" customFormat="1" ht="30" customHeight="1" x14ac:dyDescent="0.25">
      <c r="B75" s="162" t="s">
        <v>159</v>
      </c>
      <c r="C75" s="160" t="s">
        <v>160</v>
      </c>
      <c r="D75" s="42"/>
      <c r="E75" s="86"/>
      <c r="F75" s="87"/>
    </row>
    <row r="76" spans="2:6" s="43" customFormat="1" ht="30" customHeight="1" x14ac:dyDescent="0.25">
      <c r="B76" s="162" t="s">
        <v>161</v>
      </c>
      <c r="C76" s="160" t="s">
        <v>162</v>
      </c>
      <c r="D76" s="42"/>
      <c r="E76" s="86"/>
      <c r="F76" s="87"/>
    </row>
    <row r="77" spans="2:6" s="43" customFormat="1" ht="30" customHeight="1" x14ac:dyDescent="0.25">
      <c r="B77" s="162" t="s">
        <v>163</v>
      </c>
      <c r="C77" s="163" t="s">
        <v>164</v>
      </c>
      <c r="D77" s="42"/>
      <c r="E77" s="86"/>
      <c r="F77" s="87"/>
    </row>
    <row r="78" spans="2:6" s="43" customFormat="1" ht="30" customHeight="1" x14ac:dyDescent="0.25">
      <c r="B78" s="162" t="s">
        <v>165</v>
      </c>
      <c r="C78" s="160" t="s">
        <v>166</v>
      </c>
      <c r="D78" s="42"/>
      <c r="E78" s="86"/>
      <c r="F78" s="87"/>
    </row>
    <row r="79" spans="2:6" s="43" customFormat="1" ht="30" customHeight="1" x14ac:dyDescent="0.25">
      <c r="B79" s="162" t="s">
        <v>167</v>
      </c>
      <c r="C79" s="160" t="s">
        <v>168</v>
      </c>
      <c r="D79" s="42"/>
      <c r="E79" s="86"/>
      <c r="F79" s="87"/>
    </row>
    <row r="80" spans="2:6" s="43" customFormat="1" ht="30" customHeight="1" x14ac:dyDescent="0.25">
      <c r="B80" s="162" t="s">
        <v>169</v>
      </c>
      <c r="C80" s="160" t="s">
        <v>170</v>
      </c>
      <c r="D80" s="42"/>
      <c r="E80" s="86"/>
      <c r="F80" s="87"/>
    </row>
    <row r="81" spans="2:6" s="43" customFormat="1" ht="30" customHeight="1" x14ac:dyDescent="0.25">
      <c r="B81" s="162" t="s">
        <v>171</v>
      </c>
      <c r="C81" s="163" t="s">
        <v>172</v>
      </c>
      <c r="D81" s="42"/>
      <c r="E81" s="86"/>
      <c r="F81" s="87"/>
    </row>
    <row r="82" spans="2:6" s="43" customFormat="1" ht="43.5" customHeight="1" x14ac:dyDescent="0.25">
      <c r="B82" s="162" t="s">
        <v>173</v>
      </c>
      <c r="C82" s="160" t="s">
        <v>174</v>
      </c>
      <c r="D82" s="42"/>
      <c r="E82" s="86"/>
      <c r="F82" s="87"/>
    </row>
    <row r="83" spans="2:6" s="43" customFormat="1" ht="48.75" customHeight="1" x14ac:dyDescent="0.25">
      <c r="B83" s="162" t="s">
        <v>175</v>
      </c>
      <c r="C83" s="160" t="s">
        <v>176</v>
      </c>
      <c r="D83" s="42"/>
      <c r="E83" s="86"/>
      <c r="F83" s="87"/>
    </row>
    <row r="84" spans="2:6" s="43" customFormat="1" ht="30" customHeight="1" x14ac:dyDescent="0.25">
      <c r="B84" s="162" t="s">
        <v>177</v>
      </c>
      <c r="C84" s="160" t="s">
        <v>178</v>
      </c>
      <c r="D84" s="42"/>
      <c r="E84" s="86"/>
      <c r="F84" s="87"/>
    </row>
    <row r="85" spans="2:6" s="43" customFormat="1" ht="30" customHeight="1" x14ac:dyDescent="0.25">
      <c r="B85" s="162" t="s">
        <v>179</v>
      </c>
      <c r="C85" s="160" t="s">
        <v>180</v>
      </c>
      <c r="D85" s="42"/>
      <c r="E85" s="86"/>
      <c r="F85" s="87"/>
    </row>
    <row r="86" spans="2:6" s="43" customFormat="1" ht="30" customHeight="1" x14ac:dyDescent="0.25">
      <c r="B86" s="162" t="s">
        <v>181</v>
      </c>
      <c r="C86" s="160" t="s">
        <v>182</v>
      </c>
      <c r="D86" s="42"/>
      <c r="E86" s="86"/>
      <c r="F86" s="87"/>
    </row>
    <row r="87" spans="2:6" s="43" customFormat="1" ht="30" customHeight="1" x14ac:dyDescent="0.25">
      <c r="B87" s="162" t="s">
        <v>183</v>
      </c>
      <c r="C87" s="160" t="s">
        <v>184</v>
      </c>
      <c r="D87" s="42"/>
      <c r="E87" s="86"/>
      <c r="F87" s="87"/>
    </row>
    <row r="88" spans="2:6" s="43" customFormat="1" ht="30" customHeight="1" x14ac:dyDescent="0.25">
      <c r="B88" s="162" t="s">
        <v>185</v>
      </c>
      <c r="C88" s="163" t="s">
        <v>186</v>
      </c>
      <c r="D88" s="42"/>
      <c r="E88" s="86"/>
      <c r="F88" s="87"/>
    </row>
    <row r="89" spans="2:6" s="43" customFormat="1" ht="34.5" customHeight="1" x14ac:dyDescent="0.25">
      <c r="B89" s="162" t="s">
        <v>187</v>
      </c>
      <c r="C89" s="163" t="s">
        <v>188</v>
      </c>
      <c r="D89" s="42"/>
      <c r="E89" s="86"/>
      <c r="F89" s="87"/>
    </row>
    <row r="90" spans="2:6" s="43" customFormat="1" ht="30" customHeight="1" x14ac:dyDescent="0.25">
      <c r="B90" s="162" t="s">
        <v>189</v>
      </c>
      <c r="C90" s="160" t="s">
        <v>190</v>
      </c>
      <c r="D90" s="42"/>
      <c r="E90" s="86"/>
      <c r="F90" s="87"/>
    </row>
    <row r="91" spans="2:6" s="43" customFormat="1" ht="30" customHeight="1" x14ac:dyDescent="0.25">
      <c r="B91" s="162" t="s">
        <v>191</v>
      </c>
      <c r="C91" s="160" t="s">
        <v>192</v>
      </c>
      <c r="D91" s="42"/>
      <c r="E91" s="86"/>
      <c r="F91" s="87"/>
    </row>
    <row r="92" spans="2:6" s="43" customFormat="1" ht="30" customHeight="1" x14ac:dyDescent="0.25">
      <c r="B92" s="162" t="s">
        <v>193</v>
      </c>
      <c r="C92" s="160" t="s">
        <v>194</v>
      </c>
      <c r="D92" s="42"/>
      <c r="E92" s="86"/>
      <c r="F92" s="87"/>
    </row>
    <row r="93" spans="2:6" s="43" customFormat="1" ht="30" customHeight="1" x14ac:dyDescent="0.25">
      <c r="B93" s="162" t="s">
        <v>195</v>
      </c>
      <c r="C93" s="160" t="s">
        <v>196</v>
      </c>
      <c r="D93" s="42"/>
      <c r="E93" s="86"/>
      <c r="F93" s="87"/>
    </row>
    <row r="94" spans="2:6" s="43" customFormat="1" ht="30" customHeight="1" x14ac:dyDescent="0.25">
      <c r="B94" s="162" t="s">
        <v>197</v>
      </c>
      <c r="C94" s="160" t="s">
        <v>198</v>
      </c>
      <c r="D94" s="42"/>
      <c r="E94" s="86"/>
      <c r="F94" s="87"/>
    </row>
    <row r="95" spans="2:6" s="43" customFormat="1" ht="30" customHeight="1" x14ac:dyDescent="0.25">
      <c r="B95" s="162" t="s">
        <v>199</v>
      </c>
      <c r="C95" s="160" t="s">
        <v>200</v>
      </c>
      <c r="D95" s="42"/>
      <c r="E95" s="86"/>
      <c r="F95" s="87"/>
    </row>
    <row r="96" spans="2:6" s="43" customFormat="1" ht="30" customHeight="1" x14ac:dyDescent="0.25">
      <c r="B96" s="162" t="s">
        <v>201</v>
      </c>
      <c r="C96" s="160" t="s">
        <v>202</v>
      </c>
      <c r="D96" s="42"/>
      <c r="E96" s="86"/>
      <c r="F96" s="87"/>
    </row>
    <row r="97" spans="2:6" s="43" customFormat="1" ht="30" customHeight="1" x14ac:dyDescent="0.25">
      <c r="B97" s="162" t="s">
        <v>203</v>
      </c>
      <c r="C97" s="161" t="s">
        <v>204</v>
      </c>
      <c r="D97" s="42"/>
      <c r="E97" s="86"/>
      <c r="F97" s="87"/>
    </row>
    <row r="98" spans="2:6" s="43" customFormat="1" ht="30" customHeight="1" x14ac:dyDescent="0.25">
      <c r="B98" s="162" t="s">
        <v>205</v>
      </c>
      <c r="C98" s="160" t="s">
        <v>206</v>
      </c>
      <c r="D98" s="42"/>
      <c r="E98" s="86"/>
      <c r="F98" s="87"/>
    </row>
    <row r="99" spans="2:6" s="43" customFormat="1" ht="30" customHeight="1" x14ac:dyDescent="0.25">
      <c r="B99" s="162" t="s">
        <v>207</v>
      </c>
      <c r="C99" s="160" t="s">
        <v>208</v>
      </c>
      <c r="D99" s="42"/>
      <c r="E99" s="86"/>
      <c r="F99" s="87"/>
    </row>
    <row r="100" spans="2:6" s="43" customFormat="1" ht="30" customHeight="1" x14ac:dyDescent="0.25">
      <c r="B100" s="162" t="s">
        <v>209</v>
      </c>
      <c r="C100" s="160" t="s">
        <v>194</v>
      </c>
      <c r="D100" s="42"/>
      <c r="E100" s="86"/>
      <c r="F100" s="87"/>
    </row>
    <row r="101" spans="2:6" s="43" customFormat="1" ht="30" customHeight="1" x14ac:dyDescent="0.25">
      <c r="B101" s="162" t="s">
        <v>210</v>
      </c>
      <c r="C101" s="160" t="s">
        <v>196</v>
      </c>
      <c r="D101" s="44"/>
      <c r="E101" s="88"/>
      <c r="F101" s="89"/>
    </row>
    <row r="102" spans="2:6" s="43" customFormat="1" ht="30" customHeight="1" x14ac:dyDescent="0.25">
      <c r="B102" s="162" t="s">
        <v>211</v>
      </c>
      <c r="C102" s="160" t="s">
        <v>198</v>
      </c>
      <c r="D102" s="42"/>
      <c r="E102" s="86"/>
      <c r="F102" s="87"/>
    </row>
    <row r="103" spans="2:6" s="43" customFormat="1" ht="42" customHeight="1" x14ac:dyDescent="0.25">
      <c r="B103" s="162" t="s">
        <v>212</v>
      </c>
      <c r="C103" s="160" t="s">
        <v>200</v>
      </c>
      <c r="D103" s="42"/>
      <c r="E103" s="86"/>
      <c r="F103" s="87"/>
    </row>
    <row r="104" spans="2:6" s="43" customFormat="1" ht="25.5" customHeight="1" x14ac:dyDescent="0.25">
      <c r="B104" s="162" t="s">
        <v>213</v>
      </c>
      <c r="C104" s="160" t="s">
        <v>202</v>
      </c>
      <c r="D104" s="42"/>
      <c r="E104" s="86"/>
      <c r="F104" s="87"/>
    </row>
    <row r="105" spans="2:6" s="43" customFormat="1" ht="24.75" customHeight="1" x14ac:dyDescent="0.25">
      <c r="B105" s="162" t="s">
        <v>214</v>
      </c>
      <c r="C105" s="161" t="s">
        <v>215</v>
      </c>
      <c r="D105" s="42"/>
      <c r="E105" s="86"/>
      <c r="F105" s="87"/>
    </row>
    <row r="106" spans="2:6" s="43" customFormat="1" ht="25.5" customHeight="1" x14ac:dyDescent="0.25">
      <c r="B106" s="162" t="s">
        <v>216</v>
      </c>
      <c r="C106" s="160" t="s">
        <v>217</v>
      </c>
      <c r="D106" s="42"/>
      <c r="E106" s="86"/>
      <c r="F106" s="87"/>
    </row>
    <row r="107" spans="2:6" s="43" customFormat="1" ht="30" customHeight="1" x14ac:dyDescent="0.25">
      <c r="B107" s="162" t="s">
        <v>218</v>
      </c>
      <c r="C107" s="160" t="s">
        <v>208</v>
      </c>
      <c r="D107" s="42"/>
      <c r="E107" s="86"/>
      <c r="F107" s="87"/>
    </row>
    <row r="108" spans="2:6" s="43" customFormat="1" ht="30" customHeight="1" x14ac:dyDescent="0.25">
      <c r="B108" s="162" t="s">
        <v>219</v>
      </c>
      <c r="C108" s="160" t="s">
        <v>220</v>
      </c>
      <c r="D108" s="42"/>
      <c r="E108" s="86"/>
      <c r="F108" s="87"/>
    </row>
    <row r="109" spans="2:6" s="43" customFormat="1" ht="30" customHeight="1" x14ac:dyDescent="0.25">
      <c r="B109" s="162" t="s">
        <v>221</v>
      </c>
      <c r="C109" s="160" t="s">
        <v>222</v>
      </c>
      <c r="D109" s="42"/>
      <c r="E109" s="86"/>
      <c r="F109" s="87"/>
    </row>
    <row r="110" spans="2:6" s="43" customFormat="1" ht="25.5" customHeight="1" x14ac:dyDescent="0.25">
      <c r="B110" s="162" t="s">
        <v>223</v>
      </c>
      <c r="C110" s="160" t="s">
        <v>224</v>
      </c>
      <c r="D110" s="42"/>
      <c r="E110" s="86"/>
      <c r="F110" s="87"/>
    </row>
    <row r="111" spans="2:6" s="43" customFormat="1" ht="30" customHeight="1" x14ac:dyDescent="0.25">
      <c r="B111" s="162" t="s">
        <v>225</v>
      </c>
      <c r="C111" s="160" t="s">
        <v>226</v>
      </c>
      <c r="D111" s="42"/>
      <c r="E111" s="86"/>
      <c r="F111" s="87"/>
    </row>
    <row r="112" spans="2:6" s="43" customFormat="1" ht="30" customHeight="1" x14ac:dyDescent="0.25">
      <c r="B112" s="162" t="s">
        <v>227</v>
      </c>
      <c r="C112" s="161" t="s">
        <v>228</v>
      </c>
      <c r="D112" s="42"/>
      <c r="E112" s="86"/>
      <c r="F112" s="87"/>
    </row>
    <row r="113" spans="2:6" s="43" customFormat="1" ht="30" customHeight="1" x14ac:dyDescent="0.25">
      <c r="B113" s="162" t="s">
        <v>229</v>
      </c>
      <c r="C113" s="160" t="s">
        <v>230</v>
      </c>
      <c r="D113" s="42"/>
      <c r="E113" s="86"/>
      <c r="F113" s="87"/>
    </row>
    <row r="114" spans="2:6" s="43" customFormat="1" ht="30" customHeight="1" x14ac:dyDescent="0.25">
      <c r="B114" s="162" t="s">
        <v>231</v>
      </c>
      <c r="C114" s="160" t="s">
        <v>232</v>
      </c>
      <c r="D114" s="42"/>
      <c r="E114" s="86"/>
      <c r="F114" s="87"/>
    </row>
    <row r="115" spans="2:6" s="43" customFormat="1" ht="30" customHeight="1" x14ac:dyDescent="0.25">
      <c r="B115" s="162" t="s">
        <v>233</v>
      </c>
      <c r="C115" s="160" t="s">
        <v>220</v>
      </c>
      <c r="D115" s="42"/>
      <c r="E115" s="86"/>
      <c r="F115" s="87"/>
    </row>
    <row r="116" spans="2:6" s="43" customFormat="1" ht="30" customHeight="1" x14ac:dyDescent="0.25">
      <c r="B116" s="162" t="s">
        <v>234</v>
      </c>
      <c r="C116" s="160" t="s">
        <v>235</v>
      </c>
      <c r="D116" s="42"/>
      <c r="E116" s="86"/>
      <c r="F116" s="87"/>
    </row>
    <row r="117" spans="2:6" s="43" customFormat="1" ht="30" customHeight="1" x14ac:dyDescent="0.25">
      <c r="B117" s="162" t="s">
        <v>236</v>
      </c>
      <c r="C117" s="160" t="s">
        <v>237</v>
      </c>
      <c r="D117" s="42"/>
      <c r="E117" s="86"/>
      <c r="F117" s="87"/>
    </row>
    <row r="118" spans="2:6" s="43" customFormat="1" ht="30" customHeight="1" x14ac:dyDescent="0.25">
      <c r="B118" s="162" t="s">
        <v>238</v>
      </c>
      <c r="C118" s="160" t="s">
        <v>224</v>
      </c>
      <c r="D118" s="42"/>
      <c r="E118" s="86"/>
      <c r="F118" s="87"/>
    </row>
    <row r="119" spans="2:6" s="43" customFormat="1" ht="42.75" customHeight="1" x14ac:dyDescent="0.25">
      <c r="B119" s="162" t="s">
        <v>239</v>
      </c>
      <c r="C119" s="160" t="s">
        <v>226</v>
      </c>
      <c r="D119" s="42"/>
      <c r="E119" s="86"/>
      <c r="F119" s="87"/>
    </row>
    <row r="120" spans="2:6" s="43" customFormat="1" ht="30" customHeight="1" x14ac:dyDescent="0.25">
      <c r="B120" s="162" t="s">
        <v>240</v>
      </c>
      <c r="C120" s="161" t="s">
        <v>241</v>
      </c>
      <c r="D120" s="42"/>
      <c r="E120" s="86"/>
      <c r="F120" s="87"/>
    </row>
    <row r="121" spans="2:6" s="43" customFormat="1" ht="30" customHeight="1" x14ac:dyDescent="0.25">
      <c r="B121" s="162" t="s">
        <v>242</v>
      </c>
      <c r="C121" s="160" t="s">
        <v>243</v>
      </c>
      <c r="D121" s="42"/>
      <c r="E121" s="86"/>
      <c r="F121" s="87"/>
    </row>
    <row r="122" spans="2:6" s="43" customFormat="1" ht="30" customHeight="1" x14ac:dyDescent="0.25">
      <c r="B122" s="162" t="s">
        <v>244</v>
      </c>
      <c r="C122" s="160" t="s">
        <v>208</v>
      </c>
      <c r="D122" s="42"/>
      <c r="E122" s="86"/>
      <c r="F122" s="87"/>
    </row>
    <row r="123" spans="2:6" s="43" customFormat="1" ht="30" customHeight="1" x14ac:dyDescent="0.25">
      <c r="B123" s="162" t="s">
        <v>245</v>
      </c>
      <c r="C123" s="160" t="s">
        <v>198</v>
      </c>
      <c r="D123" s="42"/>
      <c r="E123" s="86"/>
      <c r="F123" s="87"/>
    </row>
    <row r="124" spans="2:6" s="43" customFormat="1" ht="30" customHeight="1" x14ac:dyDescent="0.25">
      <c r="B124" s="162" t="s">
        <v>246</v>
      </c>
      <c r="C124" s="160" t="s">
        <v>247</v>
      </c>
      <c r="D124" s="42"/>
      <c r="E124" s="86"/>
      <c r="F124" s="87"/>
    </row>
    <row r="125" spans="2:6" s="43" customFormat="1" ht="30" customHeight="1" x14ac:dyDescent="0.25">
      <c r="B125" s="162" t="s">
        <v>248</v>
      </c>
      <c r="C125" s="160" t="s">
        <v>249</v>
      </c>
      <c r="D125" s="42"/>
      <c r="E125" s="86"/>
      <c r="F125" s="87"/>
    </row>
    <row r="126" spans="2:6" s="43" customFormat="1" ht="30" customHeight="1" x14ac:dyDescent="0.25">
      <c r="B126" s="162" t="s">
        <v>250</v>
      </c>
      <c r="C126" s="160" t="s">
        <v>226</v>
      </c>
      <c r="D126" s="42"/>
      <c r="E126" s="86"/>
      <c r="F126" s="87"/>
    </row>
    <row r="127" spans="2:6" s="43" customFormat="1" ht="30" customHeight="1" x14ac:dyDescent="0.25">
      <c r="B127" s="162" t="s">
        <v>251</v>
      </c>
      <c r="C127" s="161" t="s">
        <v>252</v>
      </c>
      <c r="D127" s="42"/>
      <c r="E127" s="86"/>
      <c r="F127" s="87"/>
    </row>
    <row r="128" spans="2:6" s="43" customFormat="1" ht="30" customHeight="1" x14ac:dyDescent="0.25">
      <c r="B128" s="162" t="s">
        <v>253</v>
      </c>
      <c r="C128" s="160" t="s">
        <v>254</v>
      </c>
      <c r="D128" s="42"/>
      <c r="E128" s="86"/>
      <c r="F128" s="87"/>
    </row>
    <row r="129" spans="2:6" s="43" customFormat="1" ht="30" customHeight="1" x14ac:dyDescent="0.25">
      <c r="B129" s="162" t="s">
        <v>255</v>
      </c>
      <c r="C129" s="160" t="s">
        <v>256</v>
      </c>
      <c r="D129" s="42"/>
      <c r="E129" s="86"/>
      <c r="F129" s="87"/>
    </row>
    <row r="130" spans="2:6" s="43" customFormat="1" ht="30" customHeight="1" x14ac:dyDescent="0.25">
      <c r="B130" s="162" t="s">
        <v>257</v>
      </c>
      <c r="C130" s="160" t="s">
        <v>198</v>
      </c>
      <c r="D130" s="42"/>
      <c r="E130" s="86"/>
      <c r="F130" s="87"/>
    </row>
    <row r="131" spans="2:6" s="43" customFormat="1" ht="30" customHeight="1" x14ac:dyDescent="0.25">
      <c r="B131" s="162" t="s">
        <v>258</v>
      </c>
      <c r="C131" s="160" t="s">
        <v>194</v>
      </c>
      <c r="D131" s="42"/>
      <c r="E131" s="86"/>
      <c r="F131" s="87"/>
    </row>
    <row r="132" spans="2:6" s="43" customFormat="1" ht="30" customHeight="1" x14ac:dyDescent="0.25">
      <c r="B132" s="162" t="s">
        <v>259</v>
      </c>
      <c r="C132" s="160" t="s">
        <v>196</v>
      </c>
      <c r="D132" s="42"/>
      <c r="E132" s="86"/>
      <c r="F132" s="87"/>
    </row>
    <row r="133" spans="2:6" s="43" customFormat="1" ht="30" customHeight="1" x14ac:dyDescent="0.25">
      <c r="B133" s="162" t="s">
        <v>260</v>
      </c>
      <c r="C133" s="160" t="s">
        <v>200</v>
      </c>
      <c r="D133" s="42"/>
      <c r="E133" s="86"/>
      <c r="F133" s="87"/>
    </row>
    <row r="134" spans="2:6" s="43" customFormat="1" ht="30" customHeight="1" x14ac:dyDescent="0.25">
      <c r="B134" s="162" t="s">
        <v>261</v>
      </c>
      <c r="C134" s="160" t="s">
        <v>224</v>
      </c>
      <c r="D134" s="42"/>
      <c r="E134" s="86"/>
      <c r="F134" s="87"/>
    </row>
    <row r="135" spans="2:6" s="43" customFormat="1" ht="30" customHeight="1" x14ac:dyDescent="0.25">
      <c r="B135" s="164" t="s">
        <v>262</v>
      </c>
      <c r="C135" s="164"/>
      <c r="D135" s="42"/>
      <c r="E135" s="86"/>
      <c r="F135" s="87"/>
    </row>
    <row r="136" spans="2:6" s="43" customFormat="1" ht="30" customHeight="1" x14ac:dyDescent="0.25">
      <c r="B136" s="162" t="s">
        <v>263</v>
      </c>
      <c r="C136" s="161" t="s">
        <v>264</v>
      </c>
      <c r="D136" s="42"/>
      <c r="E136" s="86"/>
      <c r="F136" s="87"/>
    </row>
    <row r="137" spans="2:6" s="43" customFormat="1" ht="30" customHeight="1" x14ac:dyDescent="0.25">
      <c r="B137" s="162" t="s">
        <v>265</v>
      </c>
      <c r="C137" s="160" t="s">
        <v>266</v>
      </c>
      <c r="D137" s="42"/>
      <c r="E137" s="86"/>
      <c r="F137" s="87"/>
    </row>
    <row r="138" spans="2:6" s="43" customFormat="1" ht="30" customHeight="1" x14ac:dyDescent="0.25">
      <c r="B138" s="162" t="s">
        <v>267</v>
      </c>
      <c r="C138" s="160" t="s">
        <v>268</v>
      </c>
      <c r="D138" s="42"/>
      <c r="E138" s="86"/>
      <c r="F138" s="87"/>
    </row>
    <row r="139" spans="2:6" s="43" customFormat="1" ht="30" customHeight="1" x14ac:dyDescent="0.25">
      <c r="B139" s="162" t="s">
        <v>269</v>
      </c>
      <c r="C139" s="160" t="s">
        <v>270</v>
      </c>
      <c r="D139" s="42"/>
      <c r="E139" s="86"/>
      <c r="F139" s="87"/>
    </row>
    <row r="140" spans="2:6" s="43" customFormat="1" ht="30" customHeight="1" x14ac:dyDescent="0.25">
      <c r="B140" s="162" t="s">
        <v>271</v>
      </c>
      <c r="C140" s="160" t="s">
        <v>272</v>
      </c>
      <c r="D140" s="42"/>
      <c r="E140" s="86"/>
      <c r="F140" s="87"/>
    </row>
    <row r="141" spans="2:6" s="43" customFormat="1" ht="30" customHeight="1" x14ac:dyDescent="0.25">
      <c r="B141" s="162" t="s">
        <v>273</v>
      </c>
      <c r="C141" s="160" t="s">
        <v>274</v>
      </c>
      <c r="D141" s="42"/>
      <c r="E141" s="86"/>
      <c r="F141" s="87"/>
    </row>
    <row r="142" spans="2:6" s="43" customFormat="1" ht="30" customHeight="1" x14ac:dyDescent="0.25">
      <c r="B142" s="162" t="s">
        <v>275</v>
      </c>
      <c r="C142" s="165" t="s">
        <v>276</v>
      </c>
      <c r="D142" s="42"/>
      <c r="E142" s="86"/>
      <c r="F142" s="87"/>
    </row>
    <row r="143" spans="2:6" s="43" customFormat="1" ht="27" customHeight="1" x14ac:dyDescent="0.25">
      <c r="B143" s="162" t="s">
        <v>277</v>
      </c>
      <c r="C143" s="160" t="s">
        <v>278</v>
      </c>
      <c r="D143" s="42"/>
      <c r="E143" s="86"/>
      <c r="F143" s="87"/>
    </row>
    <row r="144" spans="2:6" s="43" customFormat="1" ht="30" customHeight="1" x14ac:dyDescent="0.25">
      <c r="B144" s="162" t="s">
        <v>279</v>
      </c>
      <c r="C144" s="160" t="s">
        <v>268</v>
      </c>
      <c r="D144" s="42"/>
      <c r="E144" s="86"/>
      <c r="F144" s="87"/>
    </row>
    <row r="145" spans="2:6" s="43" customFormat="1" ht="30" customHeight="1" x14ac:dyDescent="0.25">
      <c r="B145" s="162" t="s">
        <v>280</v>
      </c>
      <c r="C145" s="160" t="s">
        <v>270</v>
      </c>
      <c r="D145" s="42"/>
      <c r="E145" s="86"/>
      <c r="F145" s="87"/>
    </row>
    <row r="146" spans="2:6" s="43" customFormat="1" ht="30" customHeight="1" x14ac:dyDescent="0.25">
      <c r="B146" s="162" t="s">
        <v>281</v>
      </c>
      <c r="C146" s="160" t="s">
        <v>282</v>
      </c>
      <c r="D146" s="42"/>
      <c r="E146" s="86"/>
      <c r="F146" s="87"/>
    </row>
    <row r="147" spans="2:6" s="43" customFormat="1" ht="30" customHeight="1" x14ac:dyDescent="0.25">
      <c r="B147" s="162" t="s">
        <v>283</v>
      </c>
      <c r="C147" s="160" t="s">
        <v>284</v>
      </c>
      <c r="D147" s="42"/>
      <c r="E147" s="86"/>
      <c r="F147" s="87"/>
    </row>
    <row r="148" spans="2:6" s="43" customFormat="1" ht="30" customHeight="1" x14ac:dyDescent="0.25">
      <c r="B148" s="162" t="s">
        <v>285</v>
      </c>
      <c r="C148" s="161" t="s">
        <v>286</v>
      </c>
      <c r="D148" s="42"/>
      <c r="E148" s="86"/>
      <c r="F148" s="87"/>
    </row>
    <row r="149" spans="2:6" s="43" customFormat="1" ht="36.75" customHeight="1" x14ac:dyDescent="0.25">
      <c r="B149" s="162" t="s">
        <v>287</v>
      </c>
      <c r="C149" s="160" t="s">
        <v>288</v>
      </c>
      <c r="D149" s="42"/>
      <c r="E149" s="86"/>
      <c r="F149" s="87"/>
    </row>
    <row r="150" spans="2:6" s="43" customFormat="1" ht="30" customHeight="1" x14ac:dyDescent="0.25">
      <c r="B150" s="162" t="s">
        <v>289</v>
      </c>
      <c r="C150" s="160" t="s">
        <v>290</v>
      </c>
      <c r="D150" s="42"/>
      <c r="E150" s="86"/>
      <c r="F150" s="87"/>
    </row>
    <row r="151" spans="2:6" s="43" customFormat="1" ht="30" customHeight="1" x14ac:dyDescent="0.25">
      <c r="B151" s="162" t="s">
        <v>291</v>
      </c>
      <c r="C151" s="160" t="s">
        <v>292</v>
      </c>
      <c r="D151" s="42"/>
      <c r="E151" s="86"/>
      <c r="F151" s="87"/>
    </row>
    <row r="152" spans="2:6" s="43" customFormat="1" ht="30" customHeight="1" x14ac:dyDescent="0.25">
      <c r="B152" s="162" t="s">
        <v>293</v>
      </c>
      <c r="C152" s="165" t="s">
        <v>294</v>
      </c>
      <c r="D152" s="42"/>
      <c r="E152" s="86"/>
      <c r="F152" s="87"/>
    </row>
    <row r="153" spans="2:6" s="43" customFormat="1" ht="30" customHeight="1" x14ac:dyDescent="0.25">
      <c r="B153" s="162" t="s">
        <v>295</v>
      </c>
      <c r="C153" s="160" t="s">
        <v>296</v>
      </c>
      <c r="D153" s="42"/>
      <c r="E153" s="86"/>
      <c r="F153" s="87"/>
    </row>
    <row r="154" spans="2:6" s="43" customFormat="1" ht="30" customHeight="1" x14ac:dyDescent="0.25">
      <c r="B154" s="162" t="s">
        <v>297</v>
      </c>
      <c r="C154" s="160" t="s">
        <v>268</v>
      </c>
      <c r="D154" s="42"/>
      <c r="E154" s="86"/>
      <c r="F154" s="87"/>
    </row>
    <row r="155" spans="2:6" s="43" customFormat="1" ht="30" customHeight="1" x14ac:dyDescent="0.25">
      <c r="B155" s="162" t="s">
        <v>298</v>
      </c>
      <c r="C155" s="160" t="s">
        <v>270</v>
      </c>
      <c r="D155" s="42"/>
      <c r="E155" s="86"/>
      <c r="F155" s="87"/>
    </row>
    <row r="156" spans="2:6" s="43" customFormat="1" ht="30" customHeight="1" x14ac:dyDescent="0.25">
      <c r="B156" s="162" t="s">
        <v>299</v>
      </c>
      <c r="C156" s="160" t="s">
        <v>300</v>
      </c>
      <c r="D156" s="42"/>
      <c r="E156" s="86"/>
      <c r="F156" s="87"/>
    </row>
    <row r="157" spans="2:6" s="43" customFormat="1" ht="30" customHeight="1" x14ac:dyDescent="0.25">
      <c r="B157" s="162" t="s">
        <v>301</v>
      </c>
      <c r="C157" s="160" t="s">
        <v>302</v>
      </c>
      <c r="D157" s="42"/>
      <c r="E157" s="86"/>
      <c r="F157" s="87"/>
    </row>
    <row r="158" spans="2:6" s="43" customFormat="1" ht="30" customHeight="1" x14ac:dyDescent="0.25">
      <c r="B158" s="162" t="s">
        <v>303</v>
      </c>
      <c r="C158" s="165" t="s">
        <v>304</v>
      </c>
      <c r="D158" s="42"/>
      <c r="E158" s="86"/>
      <c r="F158" s="87"/>
    </row>
    <row r="159" spans="2:6" s="43" customFormat="1" ht="30" customHeight="1" x14ac:dyDescent="0.25">
      <c r="B159" s="162" t="s">
        <v>305</v>
      </c>
      <c r="C159" s="160" t="s">
        <v>306</v>
      </c>
      <c r="D159" s="42"/>
      <c r="E159" s="86"/>
      <c r="F159" s="87"/>
    </row>
    <row r="160" spans="2:6" s="43" customFormat="1" ht="30" customHeight="1" x14ac:dyDescent="0.25">
      <c r="B160" s="162" t="s">
        <v>307</v>
      </c>
      <c r="C160" s="160" t="s">
        <v>268</v>
      </c>
      <c r="D160" s="42"/>
      <c r="E160" s="86"/>
      <c r="F160" s="87"/>
    </row>
    <row r="161" spans="2:6" s="43" customFormat="1" ht="30" customHeight="1" x14ac:dyDescent="0.25">
      <c r="B161" s="162" t="s">
        <v>308</v>
      </c>
      <c r="C161" s="160" t="s">
        <v>270</v>
      </c>
      <c r="D161" s="44"/>
      <c r="E161" s="88"/>
      <c r="F161" s="89"/>
    </row>
    <row r="162" spans="2:6" s="43" customFormat="1" ht="30" customHeight="1" x14ac:dyDescent="0.25">
      <c r="B162" s="162" t="s">
        <v>309</v>
      </c>
      <c r="C162" s="160" t="s">
        <v>310</v>
      </c>
      <c r="D162" s="42"/>
      <c r="E162" s="86"/>
      <c r="F162" s="87"/>
    </row>
    <row r="163" spans="2:6" s="43" customFormat="1" ht="30" customHeight="1" x14ac:dyDescent="0.25">
      <c r="B163" s="162" t="s">
        <v>311</v>
      </c>
      <c r="C163" s="165" t="s">
        <v>312</v>
      </c>
      <c r="D163" s="42"/>
      <c r="E163" s="86"/>
      <c r="F163" s="87"/>
    </row>
    <row r="164" spans="2:6" s="43" customFormat="1" ht="30" customHeight="1" x14ac:dyDescent="0.25">
      <c r="B164" s="162" t="s">
        <v>313</v>
      </c>
      <c r="C164" s="160" t="s">
        <v>314</v>
      </c>
      <c r="D164" s="42"/>
      <c r="E164" s="86"/>
      <c r="F164" s="87"/>
    </row>
    <row r="165" spans="2:6" s="43" customFormat="1" ht="30.75" customHeight="1" x14ac:dyDescent="0.25">
      <c r="B165" s="162" t="s">
        <v>315</v>
      </c>
      <c r="C165" s="160" t="s">
        <v>268</v>
      </c>
      <c r="D165" s="42"/>
      <c r="E165" s="86"/>
      <c r="F165" s="87"/>
    </row>
    <row r="166" spans="2:6" s="43" customFormat="1" ht="30" customHeight="1" x14ac:dyDescent="0.25">
      <c r="B166" s="162" t="s">
        <v>316</v>
      </c>
      <c r="C166" s="160" t="s">
        <v>270</v>
      </c>
      <c r="D166" s="42"/>
      <c r="E166" s="86"/>
      <c r="F166" s="87"/>
    </row>
    <row r="167" spans="2:6" s="43" customFormat="1" ht="30" customHeight="1" x14ac:dyDescent="0.25">
      <c r="B167" s="162" t="s">
        <v>317</v>
      </c>
      <c r="C167" s="160" t="s">
        <v>318</v>
      </c>
      <c r="D167" s="42"/>
      <c r="E167" s="86"/>
      <c r="F167" s="87"/>
    </row>
    <row r="168" spans="2:6" s="43" customFormat="1" ht="30" customHeight="1" x14ac:dyDescent="0.25">
      <c r="B168" s="162" t="s">
        <v>319</v>
      </c>
      <c r="C168" s="160" t="s">
        <v>282</v>
      </c>
      <c r="D168" s="42"/>
      <c r="E168" s="86"/>
      <c r="F168" s="87"/>
    </row>
    <row r="169" spans="2:6" s="43" customFormat="1" ht="30" customHeight="1" x14ac:dyDescent="0.25">
      <c r="B169" s="162" t="s">
        <v>320</v>
      </c>
      <c r="C169" s="160" t="s">
        <v>321</v>
      </c>
      <c r="D169" s="42"/>
      <c r="E169" s="86"/>
      <c r="F169" s="87"/>
    </row>
    <row r="170" spans="2:6" s="43" customFormat="1" ht="30" customHeight="1" x14ac:dyDescent="0.25">
      <c r="B170" s="162" t="s">
        <v>322</v>
      </c>
      <c r="C170" s="165" t="s">
        <v>323</v>
      </c>
      <c r="D170" s="42"/>
      <c r="E170" s="86"/>
      <c r="F170" s="87"/>
    </row>
    <row r="171" spans="2:6" s="43" customFormat="1" ht="30" customHeight="1" x14ac:dyDescent="0.25">
      <c r="B171" s="162" t="s">
        <v>324</v>
      </c>
      <c r="C171" s="160" t="s">
        <v>325</v>
      </c>
      <c r="D171" s="42"/>
      <c r="E171" s="86"/>
      <c r="F171" s="87"/>
    </row>
    <row r="172" spans="2:6" s="43" customFormat="1" ht="30" customHeight="1" x14ac:dyDescent="0.25">
      <c r="B172" s="162" t="s">
        <v>326</v>
      </c>
      <c r="C172" s="160" t="s">
        <v>327</v>
      </c>
      <c r="D172" s="42"/>
      <c r="E172" s="86"/>
      <c r="F172" s="87"/>
    </row>
    <row r="173" spans="2:6" s="43" customFormat="1" ht="30" customHeight="1" x14ac:dyDescent="0.25">
      <c r="B173" s="162" t="s">
        <v>328</v>
      </c>
      <c r="C173" s="160" t="s">
        <v>208</v>
      </c>
      <c r="D173" s="42"/>
      <c r="E173" s="86"/>
      <c r="F173" s="87"/>
    </row>
    <row r="174" spans="2:6" s="43" customFormat="1" ht="30" customHeight="1" x14ac:dyDescent="0.25">
      <c r="B174" s="162" t="s">
        <v>329</v>
      </c>
      <c r="C174" s="160" t="s">
        <v>330</v>
      </c>
      <c r="D174" s="42"/>
      <c r="E174" s="86"/>
      <c r="F174" s="87"/>
    </row>
    <row r="175" spans="2:6" s="43" customFormat="1" ht="30" customHeight="1" x14ac:dyDescent="0.25">
      <c r="B175" s="162" t="s">
        <v>331</v>
      </c>
      <c r="C175" s="160" t="s">
        <v>332</v>
      </c>
      <c r="D175" s="42"/>
      <c r="E175" s="86"/>
      <c r="F175" s="87"/>
    </row>
    <row r="176" spans="2:6" s="43" customFormat="1" ht="30" customHeight="1" x14ac:dyDescent="0.25">
      <c r="B176" s="162" t="s">
        <v>333</v>
      </c>
      <c r="C176" s="160" t="s">
        <v>334</v>
      </c>
      <c r="D176" s="42"/>
      <c r="E176" s="86"/>
      <c r="F176" s="87"/>
    </row>
    <row r="177" spans="2:6" s="43" customFormat="1" ht="30" customHeight="1" x14ac:dyDescent="0.25">
      <c r="B177" s="162" t="s">
        <v>335</v>
      </c>
      <c r="C177" s="160" t="s">
        <v>336</v>
      </c>
      <c r="D177" s="44"/>
      <c r="E177" s="88"/>
      <c r="F177" s="89"/>
    </row>
    <row r="178" spans="2:6" s="43" customFormat="1" ht="30" customHeight="1" x14ac:dyDescent="0.25">
      <c r="B178" s="162" t="s">
        <v>337</v>
      </c>
      <c r="C178" s="165" t="s">
        <v>338</v>
      </c>
      <c r="D178" s="42"/>
      <c r="E178" s="86"/>
      <c r="F178" s="87"/>
    </row>
    <row r="179" spans="2:6" s="43" customFormat="1" ht="30" customHeight="1" x14ac:dyDescent="0.25">
      <c r="B179" s="162" t="s">
        <v>339</v>
      </c>
      <c r="C179" s="160" t="s">
        <v>340</v>
      </c>
      <c r="D179" s="42"/>
      <c r="E179" s="86"/>
      <c r="F179" s="87"/>
    </row>
    <row r="180" spans="2:6" s="43" customFormat="1" ht="30" customHeight="1" x14ac:dyDescent="0.25">
      <c r="B180" s="162" t="s">
        <v>341</v>
      </c>
      <c r="C180" s="160" t="s">
        <v>268</v>
      </c>
      <c r="D180" s="42"/>
      <c r="E180" s="86"/>
      <c r="F180" s="87"/>
    </row>
    <row r="181" spans="2:6" s="43" customFormat="1" ht="30" customHeight="1" x14ac:dyDescent="0.25">
      <c r="B181" s="162" t="s">
        <v>342</v>
      </c>
      <c r="C181" s="160" t="s">
        <v>270</v>
      </c>
      <c r="D181" s="42"/>
      <c r="E181" s="86"/>
      <c r="F181" s="87"/>
    </row>
    <row r="182" spans="2:6" s="43" customFormat="1" ht="30" customHeight="1" x14ac:dyDescent="0.25">
      <c r="B182" s="162" t="s">
        <v>343</v>
      </c>
      <c r="C182" s="160" t="s">
        <v>344</v>
      </c>
      <c r="D182" s="42"/>
      <c r="E182" s="86"/>
      <c r="F182" s="87"/>
    </row>
    <row r="183" spans="2:6" s="43" customFormat="1" ht="30" customHeight="1" x14ac:dyDescent="0.25">
      <c r="B183" s="162" t="s">
        <v>345</v>
      </c>
      <c r="C183" s="160" t="s">
        <v>346</v>
      </c>
      <c r="D183" s="42"/>
      <c r="E183" s="86"/>
      <c r="F183" s="87"/>
    </row>
    <row r="184" spans="2:6" s="43" customFormat="1" ht="30" customHeight="1" x14ac:dyDescent="0.25">
      <c r="B184" s="162" t="s">
        <v>347</v>
      </c>
      <c r="C184" s="160" t="s">
        <v>348</v>
      </c>
      <c r="D184" s="42"/>
      <c r="E184" s="86"/>
      <c r="F184" s="87"/>
    </row>
    <row r="185" spans="2:6" s="43" customFormat="1" ht="31.5" customHeight="1" x14ac:dyDescent="0.25">
      <c r="B185" s="162" t="s">
        <v>349</v>
      </c>
      <c r="C185" s="160" t="s">
        <v>350</v>
      </c>
      <c r="D185" s="42"/>
      <c r="E185" s="86"/>
      <c r="F185" s="87"/>
    </row>
    <row r="186" spans="2:6" s="43" customFormat="1" ht="30" customHeight="1" x14ac:dyDescent="0.25">
      <c r="B186" s="162" t="s">
        <v>351</v>
      </c>
      <c r="C186" s="165" t="s">
        <v>352</v>
      </c>
      <c r="D186" s="42"/>
      <c r="E186" s="86"/>
      <c r="F186" s="87"/>
    </row>
    <row r="187" spans="2:6" s="43" customFormat="1" ht="30" customHeight="1" x14ac:dyDescent="0.25">
      <c r="B187" s="162" t="s">
        <v>353</v>
      </c>
      <c r="C187" s="160" t="s">
        <v>354</v>
      </c>
      <c r="D187" s="42"/>
      <c r="E187" s="86"/>
      <c r="F187" s="87"/>
    </row>
    <row r="188" spans="2:6" s="43" customFormat="1" ht="30" customHeight="1" x14ac:dyDescent="0.25">
      <c r="B188" s="162" t="s">
        <v>355</v>
      </c>
      <c r="C188" s="160" t="s">
        <v>356</v>
      </c>
      <c r="D188" s="42"/>
      <c r="E188" s="86"/>
      <c r="F188" s="87"/>
    </row>
    <row r="189" spans="2:6" s="43" customFormat="1" ht="30" customHeight="1" x14ac:dyDescent="0.25">
      <c r="B189" s="162" t="s">
        <v>357</v>
      </c>
      <c r="C189" s="160" t="s">
        <v>270</v>
      </c>
      <c r="D189" s="42"/>
      <c r="E189" s="86"/>
      <c r="F189" s="87"/>
    </row>
    <row r="190" spans="2:6" s="43" customFormat="1" ht="30" customHeight="1" x14ac:dyDescent="0.25">
      <c r="B190" s="162" t="s">
        <v>358</v>
      </c>
      <c r="C190" s="160" t="s">
        <v>359</v>
      </c>
      <c r="D190" s="42"/>
      <c r="E190" s="86"/>
      <c r="F190" s="87"/>
    </row>
    <row r="191" spans="2:6" s="43" customFormat="1" ht="27.75" customHeight="1" x14ac:dyDescent="0.25">
      <c r="B191" s="162" t="s">
        <v>360</v>
      </c>
      <c r="C191" s="161" t="s">
        <v>361</v>
      </c>
      <c r="D191" s="42"/>
      <c r="E191" s="86"/>
      <c r="F191" s="87"/>
    </row>
    <row r="192" spans="2:6" s="43" customFormat="1" ht="30" customHeight="1" x14ac:dyDescent="0.25">
      <c r="B192" s="162" t="s">
        <v>362</v>
      </c>
      <c r="C192" s="160" t="s">
        <v>361</v>
      </c>
      <c r="D192" s="42"/>
      <c r="E192" s="86"/>
      <c r="F192" s="87"/>
    </row>
    <row r="193" spans="2:6" s="43" customFormat="1" ht="30" customHeight="1" x14ac:dyDescent="0.25">
      <c r="B193" s="162" t="s">
        <v>363</v>
      </c>
      <c r="C193" s="160" t="s">
        <v>364</v>
      </c>
      <c r="D193" s="42"/>
      <c r="E193" s="86"/>
      <c r="F193" s="87"/>
    </row>
    <row r="194" spans="2:6" s="43" customFormat="1" ht="30" customHeight="1" x14ac:dyDescent="0.25">
      <c r="B194" s="162" t="s">
        <v>365</v>
      </c>
      <c r="C194" s="160" t="s">
        <v>366</v>
      </c>
      <c r="D194" s="42"/>
      <c r="E194" s="86"/>
      <c r="F194" s="87"/>
    </row>
    <row r="195" spans="2:6" s="43" customFormat="1" ht="30" customHeight="1" x14ac:dyDescent="0.25">
      <c r="B195" s="164" t="s">
        <v>367</v>
      </c>
      <c r="C195" s="164"/>
      <c r="D195" s="42"/>
      <c r="E195" s="86"/>
      <c r="F195" s="87"/>
    </row>
    <row r="196" spans="2:6" s="43" customFormat="1" ht="30" customHeight="1" x14ac:dyDescent="0.25">
      <c r="B196" s="162" t="s">
        <v>368</v>
      </c>
      <c r="C196" s="162" t="s">
        <v>369</v>
      </c>
      <c r="D196" s="42"/>
      <c r="E196" s="86"/>
      <c r="F196" s="87"/>
    </row>
    <row r="197" spans="2:6" s="43" customFormat="1" ht="30" customHeight="1" x14ac:dyDescent="0.25">
      <c r="B197" s="162" t="s">
        <v>370</v>
      </c>
      <c r="C197" s="162" t="s">
        <v>371</v>
      </c>
      <c r="D197" s="42"/>
      <c r="E197" s="86"/>
      <c r="F197" s="87"/>
    </row>
    <row r="198" spans="2:6" s="43" customFormat="1" ht="30" customHeight="1" x14ac:dyDescent="0.25">
      <c r="B198" s="162" t="s">
        <v>372</v>
      </c>
      <c r="C198" s="162" t="s">
        <v>373</v>
      </c>
      <c r="D198" s="42"/>
      <c r="E198" s="86"/>
      <c r="F198" s="87"/>
    </row>
    <row r="199" spans="2:6" s="43" customFormat="1" ht="30" customHeight="1" x14ac:dyDescent="0.25">
      <c r="B199" s="162" t="s">
        <v>374</v>
      </c>
      <c r="C199" s="162" t="s">
        <v>375</v>
      </c>
      <c r="D199" s="42"/>
      <c r="E199" s="86"/>
      <c r="F199" s="87"/>
    </row>
    <row r="200" spans="2:6" s="43" customFormat="1" ht="30" customHeight="1" x14ac:dyDescent="0.25">
      <c r="B200" s="162" t="s">
        <v>376</v>
      </c>
      <c r="C200" s="162" t="s">
        <v>377</v>
      </c>
      <c r="D200" s="42"/>
      <c r="E200" s="86"/>
      <c r="F200" s="87"/>
    </row>
    <row r="201" spans="2:6" s="43" customFormat="1" ht="30" customHeight="1" x14ac:dyDescent="0.25">
      <c r="B201" s="78" t="s">
        <v>378</v>
      </c>
      <c r="C201" s="158" t="s">
        <v>379</v>
      </c>
      <c r="D201" s="42"/>
      <c r="E201" s="86"/>
      <c r="F201" s="87"/>
    </row>
    <row r="202" spans="2:6" s="43" customFormat="1" ht="30" customHeight="1" x14ac:dyDescent="0.25">
      <c r="B202" s="162" t="s">
        <v>380</v>
      </c>
      <c r="C202" s="161" t="s">
        <v>381</v>
      </c>
      <c r="D202" s="42"/>
      <c r="E202" s="86"/>
      <c r="F202" s="87"/>
    </row>
    <row r="203" spans="2:6" s="43" customFormat="1" ht="30" customHeight="1" x14ac:dyDescent="0.25">
      <c r="B203" s="162" t="s">
        <v>382</v>
      </c>
      <c r="C203" s="160" t="s">
        <v>383</v>
      </c>
      <c r="D203" s="44"/>
      <c r="E203" s="88"/>
      <c r="F203" s="89"/>
    </row>
    <row r="204" spans="2:6" s="43" customFormat="1" ht="51.75" customHeight="1" x14ac:dyDescent="0.25">
      <c r="B204" s="162" t="s">
        <v>384</v>
      </c>
      <c r="C204" s="160" t="s">
        <v>385</v>
      </c>
      <c r="D204" s="42"/>
      <c r="E204" s="86"/>
      <c r="F204" s="87"/>
    </row>
    <row r="205" spans="2:6" s="43" customFormat="1" ht="30" customHeight="1" x14ac:dyDescent="0.25">
      <c r="B205" s="162" t="s">
        <v>386</v>
      </c>
      <c r="C205" s="160" t="s">
        <v>387</v>
      </c>
      <c r="D205" s="42"/>
      <c r="E205" s="86"/>
      <c r="F205" s="87"/>
    </row>
    <row r="206" spans="2:6" s="43" customFormat="1" ht="30" customHeight="1" x14ac:dyDescent="0.25">
      <c r="B206" s="162" t="s">
        <v>388</v>
      </c>
      <c r="C206" s="160" t="s">
        <v>389</v>
      </c>
      <c r="D206" s="42"/>
      <c r="E206" s="86"/>
      <c r="F206" s="87"/>
    </row>
    <row r="207" spans="2:6" s="43" customFormat="1" ht="30" customHeight="1" x14ac:dyDescent="0.25">
      <c r="B207" s="162" t="s">
        <v>390</v>
      </c>
      <c r="C207" s="161" t="s">
        <v>391</v>
      </c>
      <c r="D207" s="42"/>
      <c r="E207" s="86"/>
      <c r="F207" s="87"/>
    </row>
    <row r="208" spans="2:6" s="43" customFormat="1" ht="30" customHeight="1" x14ac:dyDescent="0.25">
      <c r="B208" s="162" t="s">
        <v>392</v>
      </c>
      <c r="C208" s="160" t="s">
        <v>393</v>
      </c>
      <c r="D208" s="42"/>
      <c r="E208" s="86"/>
      <c r="F208" s="87"/>
    </row>
    <row r="209" spans="2:6" s="43" customFormat="1" ht="30" customHeight="1" x14ac:dyDescent="0.25">
      <c r="B209" s="162" t="s">
        <v>394</v>
      </c>
      <c r="C209" s="160" t="s">
        <v>395</v>
      </c>
      <c r="D209" s="42"/>
      <c r="E209" s="86"/>
      <c r="F209" s="87"/>
    </row>
    <row r="210" spans="2:6" s="43" customFormat="1" ht="30" customHeight="1" x14ac:dyDescent="0.25">
      <c r="B210" s="162" t="s">
        <v>396</v>
      </c>
      <c r="C210" s="160" t="s">
        <v>397</v>
      </c>
      <c r="D210" s="42"/>
      <c r="E210" s="86"/>
      <c r="F210" s="87"/>
    </row>
    <row r="211" spans="2:6" s="43" customFormat="1" ht="30" customHeight="1" x14ac:dyDescent="0.25">
      <c r="B211" s="162" t="s">
        <v>398</v>
      </c>
      <c r="C211" s="160" t="s">
        <v>399</v>
      </c>
      <c r="D211" s="42"/>
      <c r="E211" s="86"/>
      <c r="F211" s="87"/>
    </row>
    <row r="212" spans="2:6" s="43" customFormat="1" ht="30" customHeight="1" x14ac:dyDescent="0.25">
      <c r="B212" s="162" t="s">
        <v>400</v>
      </c>
      <c r="C212" s="160" t="s">
        <v>401</v>
      </c>
      <c r="D212" s="42"/>
      <c r="E212" s="86"/>
      <c r="F212" s="87"/>
    </row>
    <row r="213" spans="2:6" s="43" customFormat="1" ht="30" customHeight="1" x14ac:dyDescent="0.25">
      <c r="B213" s="162" t="s">
        <v>402</v>
      </c>
      <c r="C213" s="160" t="s">
        <v>403</v>
      </c>
      <c r="D213" s="44"/>
      <c r="E213" s="88"/>
      <c r="F213" s="89"/>
    </row>
    <row r="214" spans="2:6" s="43" customFormat="1" ht="30" customHeight="1" x14ac:dyDescent="0.25">
      <c r="B214" s="162" t="s">
        <v>404</v>
      </c>
      <c r="C214" s="161" t="s">
        <v>405</v>
      </c>
      <c r="D214" s="42"/>
      <c r="E214" s="86"/>
      <c r="F214" s="87"/>
    </row>
    <row r="215" spans="2:6" s="43" customFormat="1" ht="30" customHeight="1" x14ac:dyDescent="0.25">
      <c r="B215" s="162" t="s">
        <v>406</v>
      </c>
      <c r="C215" s="162" t="s">
        <v>407</v>
      </c>
      <c r="D215" s="42"/>
      <c r="E215" s="86"/>
      <c r="F215" s="87"/>
    </row>
    <row r="216" spans="2:6" s="43" customFormat="1" ht="30" customHeight="1" x14ac:dyDescent="0.25">
      <c r="B216" s="78" t="s">
        <v>408</v>
      </c>
      <c r="C216" s="158" t="s">
        <v>409</v>
      </c>
      <c r="D216" s="42"/>
      <c r="E216" s="86"/>
      <c r="F216" s="87"/>
    </row>
    <row r="217" spans="2:6" s="43" customFormat="1" ht="35.25" customHeight="1" x14ac:dyDescent="0.25">
      <c r="B217" s="162" t="s">
        <v>410</v>
      </c>
      <c r="C217" s="160" t="s">
        <v>411</v>
      </c>
      <c r="D217" s="42"/>
      <c r="E217" s="86"/>
      <c r="F217" s="87"/>
    </row>
    <row r="218" spans="2:6" s="43" customFormat="1" ht="30" customHeight="1" x14ac:dyDescent="0.25">
      <c r="B218" s="162" t="s">
        <v>412</v>
      </c>
      <c r="C218" s="160" t="s">
        <v>413</v>
      </c>
      <c r="D218" s="42"/>
      <c r="E218" s="86"/>
      <c r="F218" s="87"/>
    </row>
    <row r="219" spans="2:6" s="43" customFormat="1" ht="30" customHeight="1" x14ac:dyDescent="0.25">
      <c r="B219" s="162" t="s">
        <v>414</v>
      </c>
      <c r="C219" s="160" t="s">
        <v>415</v>
      </c>
      <c r="D219" s="42"/>
      <c r="E219" s="86"/>
      <c r="F219" s="87"/>
    </row>
    <row r="220" spans="2:6" s="43" customFormat="1" ht="30" customHeight="1" x14ac:dyDescent="0.25">
      <c r="B220" s="162" t="s">
        <v>416</v>
      </c>
      <c r="C220" s="160" t="s">
        <v>417</v>
      </c>
      <c r="D220" s="42"/>
      <c r="E220" s="86"/>
      <c r="F220" s="87"/>
    </row>
    <row r="221" spans="2:6" s="43" customFormat="1" ht="30" customHeight="1" x14ac:dyDescent="0.25">
      <c r="B221" s="162" t="s">
        <v>418</v>
      </c>
      <c r="C221" s="160" t="s">
        <v>419</v>
      </c>
      <c r="D221" s="42"/>
      <c r="E221" s="86"/>
      <c r="F221" s="87"/>
    </row>
    <row r="222" spans="2:6" s="43" customFormat="1" ht="30" customHeight="1" x14ac:dyDescent="0.25">
      <c r="B222" s="162" t="s">
        <v>420</v>
      </c>
      <c r="C222" s="165" t="s">
        <v>371</v>
      </c>
      <c r="D222" s="42"/>
      <c r="E222" s="86"/>
      <c r="F222" s="87"/>
    </row>
    <row r="223" spans="2:6" s="43" customFormat="1" ht="30" customHeight="1" x14ac:dyDescent="0.25">
      <c r="B223" s="162" t="s">
        <v>421</v>
      </c>
      <c r="C223" s="160" t="s">
        <v>375</v>
      </c>
      <c r="D223" s="42"/>
      <c r="E223" s="86"/>
      <c r="F223" s="87"/>
    </row>
    <row r="224" spans="2:6" s="43" customFormat="1" ht="30" customHeight="1" x14ac:dyDescent="0.25">
      <c r="B224" s="162" t="s">
        <v>422</v>
      </c>
      <c r="C224" s="160" t="s">
        <v>377</v>
      </c>
      <c r="D224" s="42"/>
      <c r="E224" s="86"/>
      <c r="F224" s="87"/>
    </row>
    <row r="225" spans="2:6" s="43" customFormat="1" ht="30" customHeight="1" x14ac:dyDescent="0.25">
      <c r="B225" s="162" t="s">
        <v>423</v>
      </c>
      <c r="C225" s="166" t="s">
        <v>424</v>
      </c>
      <c r="D225" s="42"/>
      <c r="E225" s="86"/>
      <c r="F225" s="87"/>
    </row>
    <row r="226" spans="2:6" s="43" customFormat="1" ht="30" customHeight="1" x14ac:dyDescent="0.25">
      <c r="B226" s="162" t="s">
        <v>425</v>
      </c>
      <c r="C226" s="166" t="s">
        <v>426</v>
      </c>
      <c r="D226" s="42"/>
      <c r="E226" s="86"/>
      <c r="F226" s="87"/>
    </row>
    <row r="227" spans="2:6" s="41" customFormat="1" ht="30.75" customHeight="1" x14ac:dyDescent="0.25">
      <c r="B227" s="137" t="s">
        <v>75</v>
      </c>
      <c r="C227" s="138"/>
      <c r="D227" s="138"/>
      <c r="E227" s="138"/>
      <c r="F227" s="139"/>
    </row>
    <row r="228" spans="2:6" s="43" customFormat="1" ht="36" customHeight="1" x14ac:dyDescent="0.25">
      <c r="B228" s="67" t="s">
        <v>16</v>
      </c>
      <c r="C228" s="68" t="s">
        <v>76</v>
      </c>
      <c r="D228" s="45"/>
      <c r="E228" s="140"/>
      <c r="F228" s="141"/>
    </row>
    <row r="229" spans="2:6" s="43" customFormat="1" ht="38.25" customHeight="1" x14ac:dyDescent="0.25">
      <c r="B229" s="67" t="s">
        <v>52</v>
      </c>
      <c r="C229" s="68" t="s">
        <v>77</v>
      </c>
      <c r="D229" s="45"/>
      <c r="E229" s="140"/>
      <c r="F229" s="141"/>
    </row>
    <row r="230" spans="2:6" s="43" customFormat="1" ht="34.5" customHeight="1" x14ac:dyDescent="0.25">
      <c r="B230" s="67" t="s">
        <v>53</v>
      </c>
      <c r="C230" s="68" t="s">
        <v>78</v>
      </c>
      <c r="D230" s="45"/>
      <c r="E230" s="140"/>
      <c r="F230" s="141"/>
    </row>
    <row r="231" spans="2:6" s="43" customFormat="1" ht="38.25" customHeight="1" x14ac:dyDescent="0.25">
      <c r="B231" s="67" t="s">
        <v>54</v>
      </c>
      <c r="C231" s="68" t="s">
        <v>79</v>
      </c>
      <c r="D231" s="45"/>
      <c r="E231" s="140"/>
      <c r="F231" s="141"/>
    </row>
    <row r="232" spans="2:6" s="43" customFormat="1" ht="32.25" customHeight="1" x14ac:dyDescent="0.25">
      <c r="B232" s="67" t="s">
        <v>61</v>
      </c>
      <c r="C232" s="68" t="s">
        <v>80</v>
      </c>
      <c r="D232" s="45"/>
      <c r="E232" s="140"/>
      <c r="F232" s="141"/>
    </row>
    <row r="233" spans="2:6" s="43" customFormat="1" ht="35.25" customHeight="1" x14ac:dyDescent="0.25">
      <c r="B233" s="67" t="s">
        <v>62</v>
      </c>
      <c r="C233" s="68" t="s">
        <v>81</v>
      </c>
      <c r="D233" s="45"/>
      <c r="E233" s="140"/>
      <c r="F233" s="141"/>
    </row>
    <row r="234" spans="2:6" s="43" customFormat="1" ht="27.75" customHeight="1" x14ac:dyDescent="0.25">
      <c r="B234" s="67" t="s">
        <v>63</v>
      </c>
      <c r="C234" s="68" t="s">
        <v>82</v>
      </c>
      <c r="D234" s="45"/>
      <c r="E234" s="140"/>
      <c r="F234" s="141"/>
    </row>
    <row r="235" spans="2:6" s="43" customFormat="1" ht="30.75" customHeight="1" x14ac:dyDescent="0.25">
      <c r="B235" s="67" t="s">
        <v>64</v>
      </c>
      <c r="C235" s="68" t="s">
        <v>83</v>
      </c>
      <c r="D235" s="45"/>
      <c r="E235" s="140"/>
      <c r="F235" s="141"/>
    </row>
    <row r="236" spans="2:6" s="43" customFormat="1" ht="36" customHeight="1" x14ac:dyDescent="0.25">
      <c r="B236" s="67" t="s">
        <v>65</v>
      </c>
      <c r="C236" s="68" t="s">
        <v>84</v>
      </c>
      <c r="D236" s="45"/>
      <c r="E236" s="140"/>
      <c r="F236" s="141"/>
    </row>
    <row r="237" spans="2:6" s="43" customFormat="1" ht="34.5" customHeight="1" x14ac:dyDescent="0.25">
      <c r="B237" s="67" t="s">
        <v>66</v>
      </c>
      <c r="C237" s="68" t="s">
        <v>85</v>
      </c>
      <c r="D237" s="45"/>
      <c r="E237" s="140"/>
      <c r="F237" s="141"/>
    </row>
    <row r="238" spans="2:6" s="43" customFormat="1" ht="30" customHeight="1" thickBot="1" x14ac:dyDescent="0.3">
      <c r="B238" s="69" t="s">
        <v>67</v>
      </c>
      <c r="C238" s="70" t="s">
        <v>86</v>
      </c>
      <c r="D238" s="46"/>
      <c r="E238" s="148"/>
      <c r="F238" s="149"/>
    </row>
    <row r="239" spans="2:6" s="25" customFormat="1" ht="17.25" customHeight="1" x14ac:dyDescent="0.25">
      <c r="B239" s="47"/>
      <c r="C239" s="48"/>
      <c r="D239" s="49"/>
      <c r="E239" s="49"/>
      <c r="F239" s="50"/>
    </row>
    <row r="240" spans="2:6" s="16" customFormat="1" ht="20.100000000000001" customHeight="1" x14ac:dyDescent="0.25">
      <c r="B240" s="102" t="s">
        <v>43</v>
      </c>
      <c r="C240" s="102"/>
      <c r="D240" s="102"/>
      <c r="E240" s="102"/>
      <c r="F240" s="102"/>
    </row>
    <row r="241" spans="2:6" s="16" customFormat="1" ht="5.0999999999999996" customHeight="1" thickBot="1" x14ac:dyDescent="0.3">
      <c r="B241" s="27"/>
      <c r="D241" s="38"/>
      <c r="E241" s="38"/>
      <c r="F241" s="38"/>
    </row>
    <row r="242" spans="2:6" s="25" customFormat="1" ht="69" customHeight="1" x14ac:dyDescent="0.25">
      <c r="B242" s="103" t="s">
        <v>8</v>
      </c>
      <c r="C242" s="104"/>
      <c r="D242" s="107" t="s">
        <v>57</v>
      </c>
      <c r="E242" s="108"/>
      <c r="F242" s="109"/>
    </row>
    <row r="243" spans="2:6" s="25" customFormat="1" ht="30" customHeight="1" thickBot="1" x14ac:dyDescent="0.3">
      <c r="B243" s="105"/>
      <c r="C243" s="106"/>
      <c r="D243" s="40" t="s">
        <v>7</v>
      </c>
      <c r="E243" s="110" t="s">
        <v>29</v>
      </c>
      <c r="F243" s="111"/>
    </row>
    <row r="244" spans="2:6" s="16" customFormat="1" ht="27.75" customHeight="1" x14ac:dyDescent="0.25">
      <c r="B244" s="167" t="s">
        <v>16</v>
      </c>
      <c r="C244" s="168" t="s">
        <v>432</v>
      </c>
      <c r="D244" s="85"/>
      <c r="E244" s="119"/>
      <c r="F244" s="120"/>
    </row>
    <row r="245" spans="2:6" s="16" customFormat="1" ht="30" customHeight="1" x14ac:dyDescent="0.25">
      <c r="B245" s="169" t="s">
        <v>52</v>
      </c>
      <c r="C245" s="170" t="s">
        <v>433</v>
      </c>
      <c r="D245" s="42"/>
      <c r="E245" s="90"/>
      <c r="F245" s="91"/>
    </row>
    <row r="246" spans="2:6" s="16" customFormat="1" ht="33" customHeight="1" x14ac:dyDescent="0.25">
      <c r="B246" s="171" t="s">
        <v>497</v>
      </c>
      <c r="C246" s="172" t="s">
        <v>434</v>
      </c>
      <c r="D246" s="42"/>
      <c r="E246" s="90"/>
      <c r="F246" s="91"/>
    </row>
    <row r="247" spans="2:6" s="16" customFormat="1" ht="30.75" customHeight="1" x14ac:dyDescent="0.25">
      <c r="B247" s="171" t="s">
        <v>498</v>
      </c>
      <c r="C247" s="172" t="s">
        <v>435</v>
      </c>
      <c r="D247" s="42"/>
      <c r="E247" s="90"/>
      <c r="F247" s="91"/>
    </row>
    <row r="248" spans="2:6" s="16" customFormat="1" ht="60" customHeight="1" x14ac:dyDescent="0.25">
      <c r="B248" s="171" t="s">
        <v>499</v>
      </c>
      <c r="C248" s="172" t="s">
        <v>436</v>
      </c>
      <c r="D248" s="42"/>
      <c r="E248" s="90"/>
      <c r="F248" s="91"/>
    </row>
    <row r="249" spans="2:6" s="16" customFormat="1" ht="44.25" customHeight="1" x14ac:dyDescent="0.25">
      <c r="B249" s="171" t="s">
        <v>500</v>
      </c>
      <c r="C249" s="172" t="s">
        <v>437</v>
      </c>
      <c r="D249" s="42"/>
      <c r="E249" s="90"/>
      <c r="F249" s="91"/>
    </row>
    <row r="250" spans="2:6" s="16" customFormat="1" ht="132.75" customHeight="1" x14ac:dyDescent="0.25">
      <c r="B250" s="173" t="s">
        <v>501</v>
      </c>
      <c r="C250" s="174" t="s">
        <v>438</v>
      </c>
      <c r="D250" s="42"/>
      <c r="E250" s="90"/>
      <c r="F250" s="91"/>
    </row>
    <row r="251" spans="2:6" s="16" customFormat="1" ht="82.5" customHeight="1" x14ac:dyDescent="0.25">
      <c r="B251" s="71" t="s">
        <v>53</v>
      </c>
      <c r="C251" s="175" t="s">
        <v>553</v>
      </c>
      <c r="D251" s="42"/>
      <c r="E251" s="90"/>
      <c r="F251" s="91"/>
    </row>
    <row r="252" spans="2:6" s="16" customFormat="1" ht="111" customHeight="1" x14ac:dyDescent="0.25">
      <c r="B252" s="176" t="s">
        <v>54</v>
      </c>
      <c r="C252" s="177" t="s">
        <v>439</v>
      </c>
      <c r="D252" s="42"/>
      <c r="E252" s="90"/>
      <c r="F252" s="91"/>
    </row>
    <row r="253" spans="2:6" s="16" customFormat="1" ht="72.75" customHeight="1" x14ac:dyDescent="0.25">
      <c r="B253" s="71" t="s">
        <v>61</v>
      </c>
      <c r="C253" s="177" t="s">
        <v>440</v>
      </c>
      <c r="D253" s="42"/>
      <c r="E253" s="150"/>
      <c r="F253" s="151"/>
    </row>
    <row r="254" spans="2:6" s="16" customFormat="1" ht="83.25" customHeight="1" x14ac:dyDescent="0.25">
      <c r="B254" s="71" t="s">
        <v>62</v>
      </c>
      <c r="C254" s="177" t="s">
        <v>441</v>
      </c>
      <c r="D254" s="42"/>
      <c r="E254" s="90"/>
      <c r="F254" s="91"/>
    </row>
    <row r="255" spans="2:6" s="16" customFormat="1" ht="99" customHeight="1" x14ac:dyDescent="0.25">
      <c r="B255" s="71" t="s">
        <v>63</v>
      </c>
      <c r="C255" s="177" t="s">
        <v>442</v>
      </c>
      <c r="D255" s="42"/>
      <c r="E255" s="90"/>
      <c r="F255" s="91"/>
    </row>
    <row r="256" spans="2:6" s="16" customFormat="1" ht="97.5" customHeight="1" x14ac:dyDescent="0.25">
      <c r="B256" s="178" t="s">
        <v>64</v>
      </c>
      <c r="C256" s="170" t="s">
        <v>443</v>
      </c>
      <c r="D256" s="42"/>
      <c r="E256" s="90"/>
      <c r="F256" s="91"/>
    </row>
    <row r="257" spans="2:6" s="16" customFormat="1" ht="41.25" customHeight="1" x14ac:dyDescent="0.25">
      <c r="B257" s="179" t="s">
        <v>502</v>
      </c>
      <c r="C257" s="172" t="s">
        <v>444</v>
      </c>
      <c r="D257" s="42"/>
      <c r="E257" s="90"/>
      <c r="F257" s="91"/>
    </row>
    <row r="258" spans="2:6" s="16" customFormat="1" ht="48.75" customHeight="1" x14ac:dyDescent="0.25">
      <c r="B258" s="179" t="s">
        <v>503</v>
      </c>
      <c r="C258" s="172" t="s">
        <v>445</v>
      </c>
      <c r="D258" s="42"/>
      <c r="E258" s="90"/>
      <c r="F258" s="91"/>
    </row>
    <row r="259" spans="2:6" s="16" customFormat="1" ht="72.75" customHeight="1" x14ac:dyDescent="0.25">
      <c r="B259" s="179" t="s">
        <v>504</v>
      </c>
      <c r="C259" s="172" t="s">
        <v>446</v>
      </c>
      <c r="D259" s="42"/>
      <c r="E259" s="90"/>
      <c r="F259" s="91"/>
    </row>
    <row r="260" spans="2:6" s="16" customFormat="1" ht="48" customHeight="1" x14ac:dyDescent="0.25">
      <c r="B260" s="179" t="s">
        <v>505</v>
      </c>
      <c r="C260" s="172" t="s">
        <v>447</v>
      </c>
      <c r="D260" s="42"/>
      <c r="E260" s="90"/>
      <c r="F260" s="91"/>
    </row>
    <row r="261" spans="2:6" s="16" customFormat="1" ht="46.5" customHeight="1" x14ac:dyDescent="0.25">
      <c r="B261" s="179" t="s">
        <v>506</v>
      </c>
      <c r="C261" s="172" t="s">
        <v>448</v>
      </c>
      <c r="D261" s="42"/>
      <c r="E261" s="90"/>
      <c r="F261" s="91"/>
    </row>
    <row r="262" spans="2:6" s="16" customFormat="1" ht="72" customHeight="1" x14ac:dyDescent="0.25">
      <c r="B262" s="179" t="s">
        <v>507</v>
      </c>
      <c r="C262" s="172" t="s">
        <v>449</v>
      </c>
      <c r="D262" s="42"/>
      <c r="E262" s="90"/>
      <c r="F262" s="91"/>
    </row>
    <row r="263" spans="2:6" s="16" customFormat="1" ht="39" customHeight="1" x14ac:dyDescent="0.25">
      <c r="B263" s="179" t="s">
        <v>508</v>
      </c>
      <c r="C263" s="172" t="s">
        <v>450</v>
      </c>
      <c r="D263" s="42"/>
      <c r="E263" s="90"/>
      <c r="F263" s="91"/>
    </row>
    <row r="264" spans="2:6" s="16" customFormat="1" ht="33" customHeight="1" x14ac:dyDescent="0.25">
      <c r="B264" s="179" t="s">
        <v>509</v>
      </c>
      <c r="C264" s="172" t="s">
        <v>451</v>
      </c>
      <c r="D264" s="42"/>
      <c r="E264" s="90"/>
      <c r="F264" s="91"/>
    </row>
    <row r="265" spans="2:6" s="16" customFormat="1" ht="44.25" customHeight="1" x14ac:dyDescent="0.25">
      <c r="B265" s="179" t="s">
        <v>510</v>
      </c>
      <c r="C265" s="172" t="s">
        <v>452</v>
      </c>
      <c r="D265" s="42"/>
      <c r="E265" s="90"/>
      <c r="F265" s="91"/>
    </row>
    <row r="266" spans="2:6" s="16" customFormat="1" ht="45.75" customHeight="1" x14ac:dyDescent="0.25">
      <c r="B266" s="180" t="s">
        <v>511</v>
      </c>
      <c r="C266" s="174" t="s">
        <v>453</v>
      </c>
      <c r="D266" s="42"/>
      <c r="E266" s="90"/>
      <c r="F266" s="91"/>
    </row>
    <row r="267" spans="2:6" s="16" customFormat="1" ht="77.25" customHeight="1" x14ac:dyDescent="0.25">
      <c r="B267" s="169" t="s">
        <v>65</v>
      </c>
      <c r="C267" s="170" t="s">
        <v>454</v>
      </c>
      <c r="D267" s="42"/>
      <c r="E267" s="90"/>
      <c r="F267" s="91"/>
    </row>
    <row r="268" spans="2:6" s="16" customFormat="1" ht="87.75" customHeight="1" x14ac:dyDescent="0.25">
      <c r="B268" s="173" t="s">
        <v>512</v>
      </c>
      <c r="C268" s="174" t="s">
        <v>455</v>
      </c>
      <c r="D268" s="42"/>
      <c r="E268" s="90"/>
      <c r="F268" s="91"/>
    </row>
    <row r="269" spans="2:6" s="16" customFormat="1" ht="34.5" customHeight="1" x14ac:dyDescent="0.25">
      <c r="B269" s="181" t="s">
        <v>66</v>
      </c>
      <c r="C269" s="170" t="s">
        <v>456</v>
      </c>
      <c r="D269" s="42"/>
      <c r="E269" s="90"/>
      <c r="F269" s="91"/>
    </row>
    <row r="270" spans="2:6" s="16" customFormat="1" ht="36" customHeight="1" x14ac:dyDescent="0.25">
      <c r="B270" s="182" t="s">
        <v>513</v>
      </c>
      <c r="C270" s="172" t="s">
        <v>457</v>
      </c>
      <c r="D270" s="42"/>
      <c r="E270" s="90"/>
      <c r="F270" s="91"/>
    </row>
    <row r="271" spans="2:6" s="16" customFormat="1" ht="60" customHeight="1" x14ac:dyDescent="0.25">
      <c r="B271" s="183" t="s">
        <v>514</v>
      </c>
      <c r="C271" s="174" t="s">
        <v>458</v>
      </c>
      <c r="D271" s="42"/>
      <c r="E271" s="90"/>
      <c r="F271" s="91"/>
    </row>
    <row r="272" spans="2:6" s="16" customFormat="1" ht="80.25" customHeight="1" x14ac:dyDescent="0.25">
      <c r="B272" s="178" t="s">
        <v>67</v>
      </c>
      <c r="C272" s="170" t="s">
        <v>459</v>
      </c>
      <c r="D272" s="42"/>
      <c r="E272" s="90"/>
      <c r="F272" s="91"/>
    </row>
    <row r="273" spans="2:6" s="16" customFormat="1" ht="61.5" customHeight="1" x14ac:dyDescent="0.25">
      <c r="B273" s="179" t="s">
        <v>515</v>
      </c>
      <c r="C273" s="172" t="s">
        <v>460</v>
      </c>
      <c r="D273" s="42"/>
      <c r="E273" s="90"/>
      <c r="F273" s="91"/>
    </row>
    <row r="274" spans="2:6" s="16" customFormat="1" ht="48.75" customHeight="1" x14ac:dyDescent="0.25">
      <c r="B274" s="180" t="s">
        <v>516</v>
      </c>
      <c r="C274" s="174" t="s">
        <v>461</v>
      </c>
      <c r="D274" s="42"/>
      <c r="E274" s="90"/>
      <c r="F274" s="91"/>
    </row>
    <row r="275" spans="2:6" s="16" customFormat="1" ht="124.5" customHeight="1" x14ac:dyDescent="0.25">
      <c r="B275" s="176" t="s">
        <v>517</v>
      </c>
      <c r="C275" s="177" t="s">
        <v>462</v>
      </c>
      <c r="D275" s="42"/>
      <c r="E275" s="90"/>
      <c r="F275" s="91"/>
    </row>
    <row r="276" spans="2:6" s="16" customFormat="1" ht="73.5" customHeight="1" x14ac:dyDescent="0.25">
      <c r="B276" s="176" t="s">
        <v>518</v>
      </c>
      <c r="C276" s="177" t="s">
        <v>463</v>
      </c>
      <c r="D276" s="42"/>
      <c r="E276" s="90"/>
      <c r="F276" s="91"/>
    </row>
    <row r="277" spans="2:6" s="16" customFormat="1" ht="50.25" customHeight="1" x14ac:dyDescent="0.25">
      <c r="B277" s="176" t="s">
        <v>519</v>
      </c>
      <c r="C277" s="177" t="s">
        <v>554</v>
      </c>
      <c r="D277" s="42"/>
      <c r="E277" s="90"/>
      <c r="F277" s="91"/>
    </row>
    <row r="278" spans="2:6" s="16" customFormat="1" ht="75.75" customHeight="1" x14ac:dyDescent="0.25">
      <c r="B278" s="176" t="s">
        <v>520</v>
      </c>
      <c r="C278" s="177" t="s">
        <v>464</v>
      </c>
      <c r="D278" s="42"/>
      <c r="E278" s="90"/>
      <c r="F278" s="91"/>
    </row>
    <row r="279" spans="2:6" s="16" customFormat="1" ht="74.25" customHeight="1" x14ac:dyDescent="0.25">
      <c r="B279" s="176" t="s">
        <v>521</v>
      </c>
      <c r="C279" s="177" t="s">
        <v>465</v>
      </c>
      <c r="D279" s="42"/>
      <c r="E279" s="90"/>
      <c r="F279" s="91"/>
    </row>
    <row r="280" spans="2:6" s="16" customFormat="1" ht="37.5" customHeight="1" x14ac:dyDescent="0.25">
      <c r="B280" s="178" t="s">
        <v>522</v>
      </c>
      <c r="C280" s="170" t="s">
        <v>466</v>
      </c>
      <c r="D280" s="42"/>
      <c r="E280" s="90"/>
      <c r="F280" s="91"/>
    </row>
    <row r="281" spans="2:6" s="16" customFormat="1" ht="36" customHeight="1" x14ac:dyDescent="0.25">
      <c r="B281" s="179" t="s">
        <v>523</v>
      </c>
      <c r="C281" s="172" t="s">
        <v>467</v>
      </c>
      <c r="D281" s="42"/>
      <c r="E281" s="90"/>
      <c r="F281" s="91"/>
    </row>
    <row r="282" spans="2:6" s="16" customFormat="1" ht="76.5" customHeight="1" x14ac:dyDescent="0.25">
      <c r="B282" s="180" t="s">
        <v>524</v>
      </c>
      <c r="C282" s="184" t="s">
        <v>468</v>
      </c>
      <c r="D282" s="42"/>
      <c r="E282" s="90"/>
      <c r="F282" s="91"/>
    </row>
    <row r="283" spans="2:6" s="16" customFormat="1" ht="58.5" customHeight="1" x14ac:dyDescent="0.25">
      <c r="B283" s="176" t="s">
        <v>525</v>
      </c>
      <c r="C283" s="177" t="s">
        <v>469</v>
      </c>
      <c r="D283" s="42"/>
      <c r="E283" s="90"/>
      <c r="F283" s="91"/>
    </row>
    <row r="284" spans="2:6" s="16" customFormat="1" ht="58.5" customHeight="1" x14ac:dyDescent="0.25">
      <c r="B284" s="176" t="s">
        <v>526</v>
      </c>
      <c r="C284" s="177" t="s">
        <v>470</v>
      </c>
      <c r="D284" s="42"/>
      <c r="E284" s="90"/>
      <c r="F284" s="91"/>
    </row>
    <row r="285" spans="2:6" s="16" customFormat="1" ht="35.25" customHeight="1" x14ac:dyDescent="0.25">
      <c r="B285" s="176" t="s">
        <v>527</v>
      </c>
      <c r="C285" s="177" t="s">
        <v>471</v>
      </c>
      <c r="D285" s="42"/>
      <c r="E285" s="90"/>
      <c r="F285" s="91"/>
    </row>
    <row r="286" spans="2:6" s="16" customFormat="1" ht="47.25" customHeight="1" x14ac:dyDescent="0.25">
      <c r="B286" s="176" t="s">
        <v>528</v>
      </c>
      <c r="C286" s="177" t="s">
        <v>472</v>
      </c>
      <c r="D286" s="42"/>
      <c r="E286" s="90"/>
      <c r="F286" s="91"/>
    </row>
    <row r="287" spans="2:6" s="16" customFormat="1" ht="61.5" customHeight="1" x14ac:dyDescent="0.25">
      <c r="B287" s="176" t="s">
        <v>529</v>
      </c>
      <c r="C287" s="177" t="s">
        <v>473</v>
      </c>
      <c r="D287" s="42"/>
      <c r="E287" s="90"/>
      <c r="F287" s="91"/>
    </row>
    <row r="288" spans="2:6" s="16" customFormat="1" ht="100.5" customHeight="1" x14ac:dyDescent="0.25">
      <c r="B288" s="176" t="s">
        <v>530</v>
      </c>
      <c r="C288" s="177" t="s">
        <v>474</v>
      </c>
      <c r="D288" s="42"/>
      <c r="E288" s="90"/>
      <c r="F288" s="91"/>
    </row>
    <row r="289" spans="2:6" s="16" customFormat="1" ht="36" customHeight="1" x14ac:dyDescent="0.25">
      <c r="B289" s="176" t="s">
        <v>531</v>
      </c>
      <c r="C289" s="177" t="s">
        <v>475</v>
      </c>
      <c r="D289" s="42"/>
      <c r="E289" s="90"/>
      <c r="F289" s="91"/>
    </row>
    <row r="290" spans="2:6" s="16" customFormat="1" ht="54.75" customHeight="1" x14ac:dyDescent="0.25">
      <c r="B290" s="176" t="s">
        <v>532</v>
      </c>
      <c r="C290" s="177" t="s">
        <v>476</v>
      </c>
      <c r="D290" s="42"/>
      <c r="E290" s="90"/>
      <c r="F290" s="91"/>
    </row>
    <row r="291" spans="2:6" s="16" customFormat="1" ht="61.5" customHeight="1" x14ac:dyDescent="0.25">
      <c r="B291" s="176" t="s">
        <v>533</v>
      </c>
      <c r="C291" s="177" t="s">
        <v>477</v>
      </c>
      <c r="D291" s="42"/>
      <c r="E291" s="90"/>
      <c r="F291" s="91"/>
    </row>
    <row r="292" spans="2:6" s="16" customFormat="1" ht="33" customHeight="1" x14ac:dyDescent="0.25">
      <c r="B292" s="178" t="s">
        <v>534</v>
      </c>
      <c r="C292" s="170" t="s">
        <v>478</v>
      </c>
      <c r="D292" s="42"/>
      <c r="E292" s="90"/>
      <c r="F292" s="91"/>
    </row>
    <row r="293" spans="2:6" s="16" customFormat="1" ht="90" customHeight="1" x14ac:dyDescent="0.25">
      <c r="B293" s="185" t="s">
        <v>535</v>
      </c>
      <c r="C293" s="172" t="s">
        <v>479</v>
      </c>
      <c r="D293" s="42"/>
      <c r="E293" s="90"/>
      <c r="F293" s="91"/>
    </row>
    <row r="294" spans="2:6" s="16" customFormat="1" ht="60" customHeight="1" x14ac:dyDescent="0.25">
      <c r="B294" s="186" t="s">
        <v>536</v>
      </c>
      <c r="C294" s="174" t="s">
        <v>480</v>
      </c>
      <c r="D294" s="42"/>
      <c r="E294" s="90"/>
      <c r="F294" s="91"/>
    </row>
    <row r="295" spans="2:6" s="16" customFormat="1" ht="48.75" customHeight="1" x14ac:dyDescent="0.25">
      <c r="B295" s="176" t="s">
        <v>537</v>
      </c>
      <c r="C295" s="177" t="s">
        <v>481</v>
      </c>
      <c r="D295" s="42"/>
      <c r="E295" s="90"/>
      <c r="F295" s="91"/>
    </row>
    <row r="296" spans="2:6" s="16" customFormat="1" ht="63.75" customHeight="1" x14ac:dyDescent="0.25">
      <c r="B296" s="176" t="s">
        <v>538</v>
      </c>
      <c r="C296" s="177" t="s">
        <v>482</v>
      </c>
      <c r="D296" s="42"/>
      <c r="E296" s="90"/>
      <c r="F296" s="91"/>
    </row>
    <row r="297" spans="2:6" s="16" customFormat="1" ht="75.75" customHeight="1" x14ac:dyDescent="0.25">
      <c r="B297" s="176" t="s">
        <v>539</v>
      </c>
      <c r="C297" s="177" t="s">
        <v>483</v>
      </c>
      <c r="D297" s="42"/>
      <c r="E297" s="90"/>
      <c r="F297" s="91"/>
    </row>
    <row r="298" spans="2:6" s="16" customFormat="1" ht="126" customHeight="1" x14ac:dyDescent="0.25">
      <c r="B298" s="176" t="s">
        <v>540</v>
      </c>
      <c r="C298" s="177" t="s">
        <v>484</v>
      </c>
      <c r="D298" s="42"/>
      <c r="E298" s="90"/>
      <c r="F298" s="91"/>
    </row>
    <row r="299" spans="2:6" s="16" customFormat="1" ht="111.75" customHeight="1" x14ac:dyDescent="0.25">
      <c r="B299" s="176" t="s">
        <v>541</v>
      </c>
      <c r="C299" s="177" t="s">
        <v>485</v>
      </c>
      <c r="D299" s="42"/>
      <c r="E299" s="90"/>
      <c r="F299" s="91"/>
    </row>
    <row r="300" spans="2:6" s="16" customFormat="1" ht="75" customHeight="1" x14ac:dyDescent="0.25">
      <c r="B300" s="176" t="s">
        <v>542</v>
      </c>
      <c r="C300" s="177" t="s">
        <v>486</v>
      </c>
      <c r="D300" s="42"/>
      <c r="E300" s="90"/>
      <c r="F300" s="91"/>
    </row>
    <row r="301" spans="2:6" s="16" customFormat="1" ht="41.25" customHeight="1" x14ac:dyDescent="0.25">
      <c r="B301" s="176" t="s">
        <v>543</v>
      </c>
      <c r="C301" s="177" t="s">
        <v>487</v>
      </c>
      <c r="D301" s="42"/>
      <c r="E301" s="90"/>
      <c r="F301" s="91"/>
    </row>
    <row r="302" spans="2:6" s="16" customFormat="1" ht="60.75" customHeight="1" x14ac:dyDescent="0.25">
      <c r="B302" s="176" t="s">
        <v>544</v>
      </c>
      <c r="C302" s="177" t="s">
        <v>488</v>
      </c>
      <c r="D302" s="42"/>
      <c r="E302" s="90"/>
      <c r="F302" s="91"/>
    </row>
    <row r="303" spans="2:6" s="16" customFormat="1" ht="87" customHeight="1" x14ac:dyDescent="0.25">
      <c r="B303" s="176" t="s">
        <v>545</v>
      </c>
      <c r="C303" s="177" t="s">
        <v>489</v>
      </c>
      <c r="D303" s="42"/>
      <c r="E303" s="90"/>
      <c r="F303" s="91"/>
    </row>
    <row r="304" spans="2:6" s="16" customFormat="1" ht="141" customHeight="1" x14ac:dyDescent="0.25">
      <c r="B304" s="176" t="s">
        <v>546</v>
      </c>
      <c r="C304" s="177" t="s">
        <v>490</v>
      </c>
      <c r="D304" s="42"/>
      <c r="E304" s="90"/>
      <c r="F304" s="91"/>
    </row>
    <row r="305" spans="2:7" s="16" customFormat="1" ht="101.25" customHeight="1" x14ac:dyDescent="0.25">
      <c r="B305" s="176" t="s">
        <v>547</v>
      </c>
      <c r="C305" s="177" t="s">
        <v>491</v>
      </c>
      <c r="D305" s="42"/>
      <c r="E305" s="90"/>
      <c r="F305" s="91"/>
    </row>
    <row r="306" spans="2:7" s="16" customFormat="1" ht="87" customHeight="1" x14ac:dyDescent="0.25">
      <c r="B306" s="176" t="s">
        <v>548</v>
      </c>
      <c r="C306" s="177" t="s">
        <v>492</v>
      </c>
      <c r="D306" s="42"/>
      <c r="E306" s="90"/>
      <c r="F306" s="91"/>
    </row>
    <row r="307" spans="2:7" s="16" customFormat="1" ht="215.25" customHeight="1" x14ac:dyDescent="0.25">
      <c r="B307" s="176" t="s">
        <v>549</v>
      </c>
      <c r="C307" s="177" t="s">
        <v>493</v>
      </c>
      <c r="D307" s="42"/>
      <c r="E307" s="90"/>
      <c r="F307" s="91"/>
    </row>
    <row r="308" spans="2:7" s="16" customFormat="1" ht="226.5" customHeight="1" x14ac:dyDescent="0.25">
      <c r="B308" s="176" t="s">
        <v>550</v>
      </c>
      <c r="C308" s="177" t="s">
        <v>494</v>
      </c>
      <c r="D308" s="42"/>
      <c r="E308" s="90"/>
      <c r="F308" s="91"/>
    </row>
    <row r="309" spans="2:7" s="16" customFormat="1" ht="129" customHeight="1" x14ac:dyDescent="0.25">
      <c r="B309" s="176" t="s">
        <v>551</v>
      </c>
      <c r="C309" s="187" t="s">
        <v>495</v>
      </c>
      <c r="D309" s="42"/>
      <c r="E309" s="90"/>
      <c r="F309" s="91"/>
    </row>
    <row r="310" spans="2:7" s="16" customFormat="1" ht="49.5" customHeight="1" x14ac:dyDescent="0.25">
      <c r="B310" s="176" t="s">
        <v>552</v>
      </c>
      <c r="C310" s="177" t="s">
        <v>496</v>
      </c>
      <c r="D310" s="42"/>
      <c r="E310" s="90"/>
      <c r="F310" s="91"/>
    </row>
    <row r="311" spans="2:7" s="25" customFormat="1" ht="5.0999999999999996" customHeight="1" x14ac:dyDescent="0.25">
      <c r="B311" s="48"/>
      <c r="C311" s="48"/>
      <c r="D311" s="49"/>
      <c r="E311" s="49"/>
      <c r="F311" s="50"/>
      <c r="G311" s="16"/>
    </row>
    <row r="312" spans="2:7" s="16" customFormat="1" ht="20.100000000000001" customHeight="1" x14ac:dyDescent="0.25">
      <c r="B312" s="102" t="s">
        <v>48</v>
      </c>
      <c r="C312" s="102"/>
      <c r="D312" s="102"/>
      <c r="E312" s="102"/>
      <c r="F312" s="102"/>
    </row>
    <row r="313" spans="2:7" s="16" customFormat="1" ht="4.5" customHeight="1" thickBot="1" x14ac:dyDescent="0.3"/>
    <row r="314" spans="2:7" s="16" customFormat="1" ht="80.25" customHeight="1" x14ac:dyDescent="0.25">
      <c r="B314" s="122" t="s">
        <v>49</v>
      </c>
      <c r="C314" s="123"/>
      <c r="D314" s="126" t="s">
        <v>50</v>
      </c>
      <c r="E314" s="127"/>
      <c r="F314" s="128"/>
    </row>
    <row r="315" spans="2:7" s="25" customFormat="1" ht="29.25" customHeight="1" thickBot="1" x14ac:dyDescent="0.3">
      <c r="B315" s="124"/>
      <c r="C315" s="125"/>
      <c r="D315" s="51" t="s">
        <v>7</v>
      </c>
      <c r="E315" s="129" t="s">
        <v>29</v>
      </c>
      <c r="F315" s="130"/>
      <c r="G315" s="16"/>
    </row>
    <row r="316" spans="2:7" s="25" customFormat="1" ht="130.5" customHeight="1" x14ac:dyDescent="0.25">
      <c r="B316" s="72" t="s">
        <v>16</v>
      </c>
      <c r="C316" s="79" t="s">
        <v>427</v>
      </c>
      <c r="D316" s="52"/>
      <c r="E316" s="100"/>
      <c r="F316" s="101"/>
      <c r="G316" s="16"/>
    </row>
    <row r="317" spans="2:7" s="25" customFormat="1" ht="31.5" customHeight="1" x14ac:dyDescent="0.25">
      <c r="B317" s="71" t="s">
        <v>52</v>
      </c>
      <c r="C317" s="73" t="s">
        <v>68</v>
      </c>
      <c r="D317" s="53"/>
      <c r="E317" s="119"/>
      <c r="F317" s="120"/>
      <c r="G317" s="16"/>
    </row>
    <row r="318" spans="2:7" s="25" customFormat="1" ht="27" customHeight="1" x14ac:dyDescent="0.25">
      <c r="B318" s="71" t="s">
        <v>53</v>
      </c>
      <c r="C318" s="74" t="s">
        <v>51</v>
      </c>
      <c r="D318" s="53"/>
      <c r="E318" s="119"/>
      <c r="F318" s="120"/>
      <c r="G318" s="16"/>
    </row>
    <row r="319" spans="2:7" s="25" customFormat="1" ht="85.5" customHeight="1" x14ac:dyDescent="0.25">
      <c r="B319" s="75" t="s">
        <v>54</v>
      </c>
      <c r="C319" s="68" t="s">
        <v>428</v>
      </c>
      <c r="D319" s="53"/>
      <c r="E319" s="119"/>
      <c r="F319" s="120"/>
      <c r="G319" s="16"/>
    </row>
    <row r="320" spans="2:7" s="25" customFormat="1" ht="59.25" customHeight="1" x14ac:dyDescent="0.25">
      <c r="B320" s="75" t="s">
        <v>61</v>
      </c>
      <c r="C320" s="68" t="s">
        <v>429</v>
      </c>
      <c r="D320" s="53"/>
      <c r="E320" s="119"/>
      <c r="F320" s="120"/>
      <c r="G320" s="16"/>
    </row>
    <row r="321" spans="2:7" s="25" customFormat="1" ht="39.950000000000003" customHeight="1" thickBot="1" x14ac:dyDescent="0.3">
      <c r="B321" s="76" t="s">
        <v>62</v>
      </c>
      <c r="C321" s="77" t="s">
        <v>430</v>
      </c>
      <c r="D321" s="54"/>
      <c r="E321" s="146"/>
      <c r="F321" s="147"/>
      <c r="G321" s="16"/>
    </row>
    <row r="322" spans="2:7" s="16" customFormat="1" ht="5.0999999999999996" customHeight="1" x14ac:dyDescent="0.25">
      <c r="B322" s="48"/>
      <c r="C322" s="48"/>
      <c r="D322" s="49"/>
      <c r="E322" s="49"/>
      <c r="F322" s="50"/>
    </row>
    <row r="323" spans="2:7" s="16" customFormat="1" ht="20.100000000000001" customHeight="1" x14ac:dyDescent="0.25">
      <c r="B323" s="102" t="s">
        <v>15</v>
      </c>
      <c r="C323" s="102"/>
      <c r="D323" s="102"/>
      <c r="E323" s="102"/>
      <c r="F323" s="102"/>
    </row>
    <row r="324" spans="2:7" s="25" customFormat="1" ht="24.75" customHeight="1" x14ac:dyDescent="0.25">
      <c r="B324" s="48" t="s">
        <v>17</v>
      </c>
      <c r="C324" s="134" t="s">
        <v>69</v>
      </c>
      <c r="D324" s="134"/>
      <c r="E324" s="134"/>
      <c r="F324" s="134"/>
      <c r="G324" s="16"/>
    </row>
    <row r="325" spans="2:7" s="25" customFormat="1" ht="23.25" customHeight="1" x14ac:dyDescent="0.25">
      <c r="B325" s="48" t="s">
        <v>89</v>
      </c>
      <c r="C325" s="134" t="s">
        <v>90</v>
      </c>
      <c r="D325" s="134"/>
      <c r="E325" s="134"/>
      <c r="F325" s="134"/>
      <c r="G325" s="16"/>
    </row>
    <row r="326" spans="2:7" s="55" customFormat="1" ht="30" customHeight="1" x14ac:dyDescent="0.25">
      <c r="B326" s="135" t="s">
        <v>30</v>
      </c>
      <c r="C326" s="135"/>
      <c r="D326" s="135"/>
      <c r="E326" s="135"/>
      <c r="F326" s="25"/>
      <c r="G326" s="16"/>
    </row>
    <row r="327" spans="2:7" s="16" customFormat="1" ht="24.95" customHeight="1" x14ac:dyDescent="0.25">
      <c r="B327" s="56" t="s">
        <v>31</v>
      </c>
      <c r="C327" s="92"/>
      <c r="D327" s="92"/>
      <c r="F327" s="55"/>
    </row>
    <row r="328" spans="2:7" s="16" customFormat="1" ht="24.95" customHeight="1" x14ac:dyDescent="0.25">
      <c r="B328" s="56" t="s">
        <v>32</v>
      </c>
      <c r="C328" s="92"/>
      <c r="D328" s="92"/>
      <c r="F328" s="55"/>
    </row>
    <row r="329" spans="2:7" s="16" customFormat="1" ht="24.95" customHeight="1" x14ac:dyDescent="0.25">
      <c r="B329" s="56" t="s">
        <v>33</v>
      </c>
      <c r="C329" s="92"/>
      <c r="D329" s="92"/>
      <c r="F329" s="55"/>
    </row>
    <row r="330" spans="2:7" s="25" customFormat="1" ht="24.95" customHeight="1" x14ac:dyDescent="0.25">
      <c r="B330" s="56" t="s">
        <v>34</v>
      </c>
      <c r="C330" s="92"/>
      <c r="D330" s="92"/>
      <c r="E330" s="16"/>
      <c r="F330" s="57"/>
      <c r="G330" s="16"/>
    </row>
    <row r="331" spans="2:7" s="16" customFormat="1" ht="14.25" customHeight="1" x14ac:dyDescent="0.2">
      <c r="B331" s="58"/>
      <c r="C331" s="1"/>
      <c r="D331" s="1"/>
      <c r="F331" s="59"/>
    </row>
    <row r="332" spans="2:7" s="25" customFormat="1" ht="15" customHeight="1" x14ac:dyDescent="0.25">
      <c r="B332" s="136" t="s">
        <v>35</v>
      </c>
      <c r="C332" s="136"/>
      <c r="D332" s="136"/>
      <c r="E332" s="136"/>
      <c r="F332" s="136"/>
    </row>
    <row r="333" spans="2:7" s="16" customFormat="1" ht="36.75" customHeight="1" x14ac:dyDescent="0.25">
      <c r="B333" s="133" t="s">
        <v>87</v>
      </c>
      <c r="C333" s="133"/>
      <c r="D333" s="133"/>
      <c r="E333" s="133"/>
      <c r="F333" s="133"/>
    </row>
    <row r="334" spans="2:7" s="16" customFormat="1" ht="20.100000000000001" customHeight="1" x14ac:dyDescent="0.2">
      <c r="B334" s="11"/>
      <c r="C334" s="11"/>
      <c r="D334" s="26"/>
      <c r="E334" s="26"/>
    </row>
    <row r="335" spans="2:7" s="25" customFormat="1" ht="4.5" customHeight="1" x14ac:dyDescent="0.2">
      <c r="B335" s="11"/>
      <c r="C335" s="11"/>
      <c r="D335" s="26"/>
      <c r="E335" s="26"/>
      <c r="F335" s="16"/>
    </row>
    <row r="336" spans="2:7" s="25" customFormat="1" ht="20.100000000000001" customHeight="1" x14ac:dyDescent="0.25">
      <c r="B336" s="60" t="s">
        <v>36</v>
      </c>
      <c r="C336" s="61"/>
      <c r="D336" s="62" t="s">
        <v>37</v>
      </c>
      <c r="E336" s="131"/>
      <c r="F336" s="131"/>
    </row>
    <row r="337" spans="1:15" s="25" customFormat="1" ht="20.100000000000001" customHeight="1" x14ac:dyDescent="0.25">
      <c r="B337" s="63"/>
      <c r="C337" s="63"/>
      <c r="D337" s="63"/>
      <c r="E337" s="64"/>
      <c r="F337" s="64"/>
    </row>
    <row r="338" spans="1:15" ht="20.100000000000001" customHeight="1" x14ac:dyDescent="0.2">
      <c r="B338" s="60" t="s">
        <v>38</v>
      </c>
      <c r="C338" s="61"/>
      <c r="D338" s="65" t="s">
        <v>39</v>
      </c>
      <c r="E338" s="132"/>
      <c r="F338" s="132"/>
    </row>
    <row r="339" spans="1:15" s="16" customFormat="1" ht="20.100000000000001" customHeight="1" x14ac:dyDescent="0.2">
      <c r="B339" s="11"/>
      <c r="C339" s="11"/>
      <c r="D339" s="65" t="s">
        <v>40</v>
      </c>
      <c r="E339" s="92"/>
      <c r="F339" s="92"/>
    </row>
    <row r="340" spans="1:15" s="16" customFormat="1" ht="20.100000000000001" customHeight="1" x14ac:dyDescent="0.2">
      <c r="B340" s="11"/>
      <c r="C340" s="11"/>
      <c r="D340" s="66" t="s">
        <v>41</v>
      </c>
      <c r="E340" s="11"/>
    </row>
    <row r="341" spans="1:15" s="1" customFormat="1" ht="12" x14ac:dyDescent="0.2">
      <c r="A341" s="121" t="s">
        <v>59</v>
      </c>
      <c r="B341" s="121"/>
      <c r="D341" s="82"/>
      <c r="E341" s="82"/>
      <c r="F341" s="2"/>
      <c r="G341" s="2"/>
      <c r="H341" s="2"/>
      <c r="I341" s="2"/>
      <c r="J341" s="2"/>
      <c r="K341" s="2"/>
      <c r="L341" s="2"/>
      <c r="M341" s="3"/>
      <c r="O341" s="3"/>
    </row>
    <row r="342" spans="1:15" s="10" customFormat="1" ht="15" x14ac:dyDescent="0.25">
      <c r="A342" s="4"/>
      <c r="B342" s="5" t="s">
        <v>60</v>
      </c>
      <c r="C342" s="6"/>
      <c r="D342" s="7"/>
      <c r="E342" s="7"/>
      <c r="F342" s="8"/>
      <c r="G342" s="8"/>
      <c r="H342" s="8"/>
      <c r="I342" s="8"/>
      <c r="J342" s="8"/>
      <c r="K342" s="8"/>
      <c r="L342" s="8"/>
      <c r="M342" s="9"/>
      <c r="O342" s="9"/>
    </row>
    <row r="343" spans="1:15" s="16" customFormat="1" ht="24" customHeight="1" x14ac:dyDescent="0.25"/>
    <row r="344" spans="1:15" s="16" customFormat="1" ht="24" customHeight="1" x14ac:dyDescent="0.25"/>
    <row r="345" spans="1:15" s="16" customFormat="1" ht="24" customHeight="1" x14ac:dyDescent="0.25"/>
    <row r="346" spans="1:15" s="16" customFormat="1" ht="20.100000000000001" customHeight="1" x14ac:dyDescent="0.25"/>
    <row r="347" spans="1:15" s="16" customFormat="1" ht="20.100000000000001" customHeight="1" x14ac:dyDescent="0.25"/>
    <row r="348" spans="1:15" s="16" customFormat="1" ht="50.1" customHeight="1" x14ac:dyDescent="0.25"/>
    <row r="349" spans="1:15" s="16" customFormat="1" ht="43.5" customHeight="1" x14ac:dyDescent="0.25"/>
    <row r="350" spans="1:15" ht="24.75" customHeight="1" x14ac:dyDescent="0.2">
      <c r="B350" s="16"/>
      <c r="C350" s="16"/>
      <c r="D350" s="16"/>
      <c r="E350" s="16"/>
    </row>
    <row r="351" spans="1:15" x14ac:dyDescent="0.2">
      <c r="B351" s="16"/>
      <c r="C351" s="16"/>
      <c r="D351" s="16"/>
      <c r="E351" s="16"/>
    </row>
    <row r="352" spans="1:15" ht="20.100000000000001" customHeight="1" x14ac:dyDescent="0.2"/>
    <row r="353" ht="4.5" customHeight="1" x14ac:dyDescent="0.2"/>
    <row r="354" ht="20.100000000000001" customHeight="1" x14ac:dyDescent="0.2"/>
    <row r="355" ht="20.100000000000001" customHeight="1" x14ac:dyDescent="0.2"/>
    <row r="356" ht="20.100000000000001" customHeight="1" x14ac:dyDescent="0.2"/>
  </sheetData>
  <sheetProtection algorithmName="SHA-512" hashValue="2rBk8hYRpWbiiEGATpZLj1SWejOLYDtsa+PU82y2VP2ckAg9EMK5llyZF4ZC6N/8kIGT6opsupkovqcGI0O6oQ==" saltValue="ProUruol5c1YjuwbMELdTQ==" spinCount="100000" sheet="1" formatCells="0" formatColumns="0" formatRows="0" insertColumns="0" insertRows="0" insertHyperlinks="0" deleteColumns="0" deleteRows="0" selectLockedCells="1" sort="0" autoFilter="0" pivotTables="0"/>
  <mergeCells count="323">
    <mergeCell ref="E132:F132"/>
    <mergeCell ref="E184:F184"/>
    <mergeCell ref="E185:F185"/>
    <mergeCell ref="E186:F186"/>
    <mergeCell ref="E179:F179"/>
    <mergeCell ref="E180:F180"/>
    <mergeCell ref="E181:F181"/>
    <mergeCell ref="E182:F182"/>
    <mergeCell ref="E183:F183"/>
    <mergeCell ref="E170:F170"/>
    <mergeCell ref="E171:F171"/>
    <mergeCell ref="E172:F172"/>
    <mergeCell ref="E173:F173"/>
    <mergeCell ref="E174:F174"/>
    <mergeCell ref="E175:F175"/>
    <mergeCell ref="E176:F176"/>
    <mergeCell ref="E177:F177"/>
    <mergeCell ref="E153:F153"/>
    <mergeCell ref="E154:F154"/>
    <mergeCell ref="E123:F123"/>
    <mergeCell ref="E124:F124"/>
    <mergeCell ref="E125:F125"/>
    <mergeCell ref="E126:F126"/>
    <mergeCell ref="E127:F127"/>
    <mergeCell ref="E128:F128"/>
    <mergeCell ref="E129:F129"/>
    <mergeCell ref="E130:F130"/>
    <mergeCell ref="E131:F131"/>
    <mergeCell ref="C325:F325"/>
    <mergeCell ref="E219:F219"/>
    <mergeCell ref="E220:F220"/>
    <mergeCell ref="E221:F221"/>
    <mergeCell ref="E187:F187"/>
    <mergeCell ref="E204:F204"/>
    <mergeCell ref="E253:F253"/>
    <mergeCell ref="B13:D13"/>
    <mergeCell ref="E103:F103"/>
    <mergeCell ref="E104:F104"/>
    <mergeCell ref="E105:F105"/>
    <mergeCell ref="E106:F106"/>
    <mergeCell ref="E107:F107"/>
    <mergeCell ref="E108:F108"/>
    <mergeCell ref="E109:F109"/>
    <mergeCell ref="E110:F110"/>
    <mergeCell ref="B14:C14"/>
    <mergeCell ref="C30:D30"/>
    <mergeCell ref="B15:D15"/>
    <mergeCell ref="B21:F21"/>
    <mergeCell ref="B22:D22"/>
    <mergeCell ref="B24:F24"/>
    <mergeCell ref="C29:D29"/>
    <mergeCell ref="E118:F118"/>
    <mergeCell ref="E319:F319"/>
    <mergeCell ref="E320:F320"/>
    <mergeCell ref="E321:F321"/>
    <mergeCell ref="E233:F233"/>
    <mergeCell ref="E234:F234"/>
    <mergeCell ref="E235:F235"/>
    <mergeCell ref="E236:F236"/>
    <mergeCell ref="E237:F237"/>
    <mergeCell ref="E238:F238"/>
    <mergeCell ref="E257:F257"/>
    <mergeCell ref="E258:F258"/>
    <mergeCell ref="E259:F259"/>
    <mergeCell ref="E272:F272"/>
    <mergeCell ref="E273:F273"/>
    <mergeCell ref="E318:F318"/>
    <mergeCell ref="E250:F250"/>
    <mergeCell ref="E251:F251"/>
    <mergeCell ref="E254:F254"/>
    <mergeCell ref="E255:F255"/>
    <mergeCell ref="E256:F256"/>
    <mergeCell ref="E260:F260"/>
    <mergeCell ref="E317:F317"/>
    <mergeCell ref="E283:F283"/>
    <mergeCell ref="E264:F264"/>
    <mergeCell ref="E231:F231"/>
    <mergeCell ref="E232:F232"/>
    <mergeCell ref="C31:D31"/>
    <mergeCell ref="B37:F37"/>
    <mergeCell ref="B39:C40"/>
    <mergeCell ref="D39:F39"/>
    <mergeCell ref="E40:F40"/>
    <mergeCell ref="B33:C33"/>
    <mergeCell ref="E111:F111"/>
    <mergeCell ref="E112:F112"/>
    <mergeCell ref="E113:F113"/>
    <mergeCell ref="E114:F114"/>
    <mergeCell ref="E205:F205"/>
    <mergeCell ref="E216:F216"/>
    <mergeCell ref="E217:F217"/>
    <mergeCell ref="E218:F218"/>
    <mergeCell ref="E115:F115"/>
    <mergeCell ref="E116:F116"/>
    <mergeCell ref="E117:F117"/>
    <mergeCell ref="E178:F178"/>
    <mergeCell ref="E119:F119"/>
    <mergeCell ref="E120:F120"/>
    <mergeCell ref="E121:F121"/>
    <mergeCell ref="E122:F122"/>
    <mergeCell ref="A341:B341"/>
    <mergeCell ref="B312:F312"/>
    <mergeCell ref="B314:C315"/>
    <mergeCell ref="D314:F314"/>
    <mergeCell ref="E315:F315"/>
    <mergeCell ref="E222:F222"/>
    <mergeCell ref="E223:F223"/>
    <mergeCell ref="E224:F224"/>
    <mergeCell ref="E225:F225"/>
    <mergeCell ref="E226:F226"/>
    <mergeCell ref="E336:F336"/>
    <mergeCell ref="E338:F338"/>
    <mergeCell ref="E339:F339"/>
    <mergeCell ref="B333:F333"/>
    <mergeCell ref="B323:F323"/>
    <mergeCell ref="C324:F324"/>
    <mergeCell ref="B326:E326"/>
    <mergeCell ref="B332:F332"/>
    <mergeCell ref="C327:D327"/>
    <mergeCell ref="C328:D328"/>
    <mergeCell ref="C329:D329"/>
    <mergeCell ref="B227:F227"/>
    <mergeCell ref="E228:F228"/>
    <mergeCell ref="E229:F229"/>
    <mergeCell ref="B2:F2"/>
    <mergeCell ref="B1:F1"/>
    <mergeCell ref="B25:C25"/>
    <mergeCell ref="B28:C28"/>
    <mergeCell ref="E316:F316"/>
    <mergeCell ref="E246:F246"/>
    <mergeCell ref="E247:F247"/>
    <mergeCell ref="E248:F248"/>
    <mergeCell ref="B240:F240"/>
    <mergeCell ref="B242:C243"/>
    <mergeCell ref="D242:F242"/>
    <mergeCell ref="E243:F243"/>
    <mergeCell ref="B23:F23"/>
    <mergeCell ref="B18:D18"/>
    <mergeCell ref="B19:D19"/>
    <mergeCell ref="B20:F20"/>
    <mergeCell ref="B3:F3"/>
    <mergeCell ref="B7:F7"/>
    <mergeCell ref="B8:F8"/>
    <mergeCell ref="B9:F9"/>
    <mergeCell ref="B11:F11"/>
    <mergeCell ref="B12:D12"/>
    <mergeCell ref="E244:F244"/>
    <mergeCell ref="E133:F133"/>
    <mergeCell ref="C330:D330"/>
    <mergeCell ref="B41:F41"/>
    <mergeCell ref="E102:F102"/>
    <mergeCell ref="E134:F134"/>
    <mergeCell ref="E135:F135"/>
    <mergeCell ref="E252:F252"/>
    <mergeCell ref="E282:F282"/>
    <mergeCell ref="E275:F275"/>
    <mergeCell ref="E276:F276"/>
    <mergeCell ref="E277:F277"/>
    <mergeCell ref="E278:F278"/>
    <mergeCell ref="E274:F274"/>
    <mergeCell ref="E279:F279"/>
    <mergeCell ref="E280:F280"/>
    <mergeCell ref="E281:F281"/>
    <mergeCell ref="E245:F245"/>
    <mergeCell ref="E249:F249"/>
    <mergeCell ref="E289:F289"/>
    <mergeCell ref="E284:F284"/>
    <mergeCell ref="E287:F287"/>
    <mergeCell ref="E261:F261"/>
    <mergeCell ref="E262:F262"/>
    <mergeCell ref="E263:F263"/>
    <mergeCell ref="E230:F230"/>
    <mergeCell ref="E288:F288"/>
    <mergeCell ref="E290:F290"/>
    <mergeCell ref="E291:F291"/>
    <mergeCell ref="E292:F292"/>
    <mergeCell ref="E265:F265"/>
    <mergeCell ref="E266:F266"/>
    <mergeCell ref="E267:F267"/>
    <mergeCell ref="E268:F268"/>
    <mergeCell ref="E269:F269"/>
    <mergeCell ref="E270:F270"/>
    <mergeCell ref="E271:F271"/>
    <mergeCell ref="E285:F285"/>
    <mergeCell ref="E286:F286"/>
    <mergeCell ref="E293:F293"/>
    <mergeCell ref="E294:F294"/>
    <mergeCell ref="E295:F295"/>
    <mergeCell ref="E296:F296"/>
    <mergeCell ref="E297:F297"/>
    <mergeCell ref="E298:F298"/>
    <mergeCell ref="E299:F299"/>
    <mergeCell ref="E300:F300"/>
    <mergeCell ref="E301:F301"/>
    <mergeCell ref="E302:F302"/>
    <mergeCell ref="E303:F303"/>
    <mergeCell ref="E304:F304"/>
    <mergeCell ref="E305:F305"/>
    <mergeCell ref="E306:F306"/>
    <mergeCell ref="E307:F307"/>
    <mergeCell ref="E308:F308"/>
    <mergeCell ref="E309:F309"/>
    <mergeCell ref="E310:F310"/>
    <mergeCell ref="E42:F42"/>
    <mergeCell ref="E43:F43"/>
    <mergeCell ref="E44:F44"/>
    <mergeCell ref="E45:F45"/>
    <mergeCell ref="E46:F46"/>
    <mergeCell ref="E47:F47"/>
    <mergeCell ref="E48:F48"/>
    <mergeCell ref="E49:F49"/>
    <mergeCell ref="E50:F50"/>
    <mergeCell ref="E51:F51"/>
    <mergeCell ref="E52:F52"/>
    <mergeCell ref="E53:F53"/>
    <mergeCell ref="E54:F54"/>
    <mergeCell ref="E55:F55"/>
    <mergeCell ref="E56:F56"/>
    <mergeCell ref="E57:F57"/>
    <mergeCell ref="E58:F58"/>
    <mergeCell ref="E59:F59"/>
    <mergeCell ref="E60:F60"/>
    <mergeCell ref="E61:F61"/>
    <mergeCell ref="E62:F62"/>
    <mergeCell ref="E63:F63"/>
    <mergeCell ref="E64:F64"/>
    <mergeCell ref="E65:F65"/>
    <mergeCell ref="E66:F66"/>
    <mergeCell ref="E67:F67"/>
    <mergeCell ref="E68:F68"/>
    <mergeCell ref="E69:F69"/>
    <mergeCell ref="E70:F70"/>
    <mergeCell ref="E71:F71"/>
    <mergeCell ref="E72:F72"/>
    <mergeCell ref="E73:F73"/>
    <mergeCell ref="E74:F74"/>
    <mergeCell ref="E75:F75"/>
    <mergeCell ref="E76:F76"/>
    <mergeCell ref="E77:F77"/>
    <mergeCell ref="E78:F78"/>
    <mergeCell ref="E79:F79"/>
    <mergeCell ref="E80:F80"/>
    <mergeCell ref="E81:F81"/>
    <mergeCell ref="E82:F82"/>
    <mergeCell ref="E83:F83"/>
    <mergeCell ref="E84:F84"/>
    <mergeCell ref="E85:F85"/>
    <mergeCell ref="E86:F86"/>
    <mergeCell ref="E87:F87"/>
    <mergeCell ref="E88:F88"/>
    <mergeCell ref="E89:F89"/>
    <mergeCell ref="E90:F90"/>
    <mergeCell ref="E91:F91"/>
    <mergeCell ref="E92:F92"/>
    <mergeCell ref="E93:F93"/>
    <mergeCell ref="E94:F94"/>
    <mergeCell ref="E95:F95"/>
    <mergeCell ref="E96:F96"/>
    <mergeCell ref="E97:F97"/>
    <mergeCell ref="E98:F98"/>
    <mergeCell ref="E99:F99"/>
    <mergeCell ref="E100:F100"/>
    <mergeCell ref="E101:F101"/>
    <mergeCell ref="E188:F188"/>
    <mergeCell ref="E189:F189"/>
    <mergeCell ref="E190:F190"/>
    <mergeCell ref="E155:F155"/>
    <mergeCell ref="E156:F156"/>
    <mergeCell ref="E157:F157"/>
    <mergeCell ref="E158:F158"/>
    <mergeCell ref="E159:F159"/>
    <mergeCell ref="E160:F160"/>
    <mergeCell ref="E161:F161"/>
    <mergeCell ref="E162:F162"/>
    <mergeCell ref="E163:F163"/>
    <mergeCell ref="E164:F164"/>
    <mergeCell ref="E165:F165"/>
    <mergeCell ref="E166:F166"/>
    <mergeCell ref="E167:F167"/>
    <mergeCell ref="E168:F168"/>
    <mergeCell ref="E169:F169"/>
    <mergeCell ref="E191:F191"/>
    <mergeCell ref="E192:F192"/>
    <mergeCell ref="E193:F193"/>
    <mergeCell ref="E194:F194"/>
    <mergeCell ref="E195:F195"/>
    <mergeCell ref="E196:F196"/>
    <mergeCell ref="E197:F197"/>
    <mergeCell ref="E144:F144"/>
    <mergeCell ref="E145:F145"/>
    <mergeCell ref="E146:F146"/>
    <mergeCell ref="E147:F147"/>
    <mergeCell ref="E148:F148"/>
    <mergeCell ref="E149:F149"/>
    <mergeCell ref="E150:F150"/>
    <mergeCell ref="E151:F151"/>
    <mergeCell ref="E152:F152"/>
    <mergeCell ref="B135:C135"/>
    <mergeCell ref="E136:F136"/>
    <mergeCell ref="E137:F137"/>
    <mergeCell ref="E138:F138"/>
    <mergeCell ref="E139:F139"/>
    <mergeCell ref="E140:F140"/>
    <mergeCell ref="E141:F141"/>
    <mergeCell ref="E142:F142"/>
    <mergeCell ref="E143:F143"/>
    <mergeCell ref="E214:F214"/>
    <mergeCell ref="E215:F215"/>
    <mergeCell ref="B195:C195"/>
    <mergeCell ref="E206:F206"/>
    <mergeCell ref="E207:F207"/>
    <mergeCell ref="E208:F208"/>
    <mergeCell ref="E209:F209"/>
    <mergeCell ref="E210:F210"/>
    <mergeCell ref="E211:F211"/>
    <mergeCell ref="E212:F212"/>
    <mergeCell ref="E213:F213"/>
    <mergeCell ref="E200:F200"/>
    <mergeCell ref="E201:F201"/>
    <mergeCell ref="E202:F202"/>
    <mergeCell ref="E203:F203"/>
    <mergeCell ref="E198:F198"/>
    <mergeCell ref="E199:F199"/>
  </mergeCells>
  <conditionalFormatting sqref="D256:D259 D244:D248 D284:D310">
    <cfRule type="containsBlanks" dxfId="172" priority="250">
      <formula>LEN(TRIM(D244))=0</formula>
    </cfRule>
  </conditionalFormatting>
  <conditionalFormatting sqref="E338:F338">
    <cfRule type="containsBlanks" dxfId="171" priority="249">
      <formula>LEN(TRIM(E338))=0</formula>
    </cfRule>
  </conditionalFormatting>
  <conditionalFormatting sqref="C336">
    <cfRule type="containsBlanks" dxfId="170" priority="247">
      <formula>LEN(TRIM(C336))=0</formula>
    </cfRule>
  </conditionalFormatting>
  <conditionalFormatting sqref="E339:F339">
    <cfRule type="containsBlanks" dxfId="169" priority="248">
      <formula>LEN(TRIM(E339))=0</formula>
    </cfRule>
  </conditionalFormatting>
  <conditionalFormatting sqref="C338">
    <cfRule type="containsBlanks" dxfId="168" priority="246">
      <formula>LEN(TRIM(C338))=0</formula>
    </cfRule>
  </conditionalFormatting>
  <conditionalFormatting sqref="C4:C5">
    <cfRule type="containsBlanks" dxfId="167" priority="245">
      <formula>LEN(TRIM(C4))=0</formula>
    </cfRule>
  </conditionalFormatting>
  <conditionalFormatting sqref="D102">
    <cfRule type="containsBlanks" dxfId="166" priority="244">
      <formula>LEN(TRIM(D102))=0</formula>
    </cfRule>
  </conditionalFormatting>
  <conditionalFormatting sqref="D316">
    <cfRule type="containsBlanks" dxfId="165" priority="239">
      <formula>LEN(TRIM(D316))=0</formula>
    </cfRule>
  </conditionalFormatting>
  <conditionalFormatting sqref="C329:D329">
    <cfRule type="containsBlanks" dxfId="164" priority="235">
      <formula>LEN(TRIM(C329))=0</formula>
    </cfRule>
  </conditionalFormatting>
  <conditionalFormatting sqref="D133:D134">
    <cfRule type="containsBlanks" dxfId="163" priority="217">
      <formula>LEN(TRIM(D133))=0</formula>
    </cfRule>
  </conditionalFormatting>
  <conditionalFormatting sqref="C328:D328">
    <cfRule type="containsBlanks" dxfId="162" priority="186">
      <formula>LEN(TRIM(C328))=0</formula>
    </cfRule>
  </conditionalFormatting>
  <conditionalFormatting sqref="C327:D327">
    <cfRule type="containsBlanks" dxfId="161" priority="185">
      <formula>LEN(TRIM(C327))=0</formula>
    </cfRule>
  </conditionalFormatting>
  <conditionalFormatting sqref="C330:D330">
    <cfRule type="containsBlanks" dxfId="160" priority="184">
      <formula>LEN(TRIM(C330))=0</formula>
    </cfRule>
  </conditionalFormatting>
  <conditionalFormatting sqref="D255">
    <cfRule type="containsBlanks" dxfId="159" priority="176">
      <formula>LEN(TRIM(D255))=0</formula>
    </cfRule>
  </conditionalFormatting>
  <conditionalFormatting sqref="D135">
    <cfRule type="containsBlanks" dxfId="158" priority="172">
      <formula>LEN(TRIM(D135))=0</formula>
    </cfRule>
  </conditionalFormatting>
  <conditionalFormatting sqref="D249:D254">
    <cfRule type="containsBlanks" dxfId="157" priority="164">
      <formula>LEN(TRIM(D249))=0</formula>
    </cfRule>
  </conditionalFormatting>
  <conditionalFormatting sqref="D260 D274:D277">
    <cfRule type="containsBlanks" dxfId="156" priority="163">
      <formula>LEN(TRIM(D260))=0</formula>
    </cfRule>
  </conditionalFormatting>
  <conditionalFormatting sqref="D283">
    <cfRule type="containsBlanks" dxfId="155" priority="162">
      <formula>LEN(TRIM(D283))=0</formula>
    </cfRule>
  </conditionalFormatting>
  <conditionalFormatting sqref="D278:D282">
    <cfRule type="containsBlanks" dxfId="154" priority="161">
      <formula>LEN(TRIM(D278))=0</formula>
    </cfRule>
  </conditionalFormatting>
  <conditionalFormatting sqref="D317">
    <cfRule type="containsBlanks" dxfId="153" priority="160">
      <formula>LEN(TRIM(D317))=0</formula>
    </cfRule>
  </conditionalFormatting>
  <conditionalFormatting sqref="D318">
    <cfRule type="containsBlanks" dxfId="152" priority="159">
      <formula>LEN(TRIM(D318))=0</formula>
    </cfRule>
  </conditionalFormatting>
  <conditionalFormatting sqref="D222">
    <cfRule type="containsBlanks" dxfId="151" priority="158">
      <formula>LEN(TRIM(D222))=0</formula>
    </cfRule>
  </conditionalFormatting>
  <conditionalFormatting sqref="D223:D224">
    <cfRule type="containsBlanks" dxfId="150" priority="157">
      <formula>LEN(TRIM(D223))=0</formula>
    </cfRule>
  </conditionalFormatting>
  <conditionalFormatting sqref="D225">
    <cfRule type="containsBlanks" dxfId="149" priority="156">
      <formula>LEN(TRIM(D225))=0</formula>
    </cfRule>
  </conditionalFormatting>
  <conditionalFormatting sqref="D226">
    <cfRule type="containsBlanks" dxfId="148" priority="155">
      <formula>LEN(TRIM(D226))=0</formula>
    </cfRule>
  </conditionalFormatting>
  <conditionalFormatting sqref="D269:D272 D261:D262">
    <cfRule type="containsBlanks" dxfId="147" priority="149">
      <formula>LEN(TRIM(D261))=0</formula>
    </cfRule>
  </conditionalFormatting>
  <conditionalFormatting sqref="D268">
    <cfRule type="containsBlanks" dxfId="146" priority="148">
      <formula>LEN(TRIM(D268))=0</formula>
    </cfRule>
  </conditionalFormatting>
  <conditionalFormatting sqref="D263:D267">
    <cfRule type="containsBlanks" dxfId="145" priority="147">
      <formula>LEN(TRIM(D263))=0</formula>
    </cfRule>
  </conditionalFormatting>
  <conditionalFormatting sqref="D273">
    <cfRule type="containsBlanks" dxfId="144" priority="146">
      <formula>LEN(TRIM(D273))=0</formula>
    </cfRule>
  </conditionalFormatting>
  <conditionalFormatting sqref="D228">
    <cfRule type="containsBlanks" dxfId="143" priority="145">
      <formula>LEN(TRIM(D228))=0</formula>
    </cfRule>
  </conditionalFormatting>
  <conditionalFormatting sqref="D229">
    <cfRule type="containsBlanks" dxfId="142" priority="144">
      <formula>LEN(TRIM(D229))=0</formula>
    </cfRule>
  </conditionalFormatting>
  <conditionalFormatting sqref="D230">
    <cfRule type="containsBlanks" dxfId="141" priority="143">
      <formula>LEN(TRIM(D230))=0</formula>
    </cfRule>
  </conditionalFormatting>
  <conditionalFormatting sqref="D231">
    <cfRule type="containsBlanks" dxfId="140" priority="142">
      <formula>LEN(TRIM(D231))=0</formula>
    </cfRule>
  </conditionalFormatting>
  <conditionalFormatting sqref="D232">
    <cfRule type="containsBlanks" dxfId="139" priority="141">
      <formula>LEN(TRIM(D232))=0</formula>
    </cfRule>
  </conditionalFormatting>
  <conditionalFormatting sqref="D233">
    <cfRule type="containsBlanks" dxfId="138" priority="140">
      <formula>LEN(TRIM(D233))=0</formula>
    </cfRule>
  </conditionalFormatting>
  <conditionalFormatting sqref="D234">
    <cfRule type="containsBlanks" dxfId="137" priority="139">
      <formula>LEN(TRIM(D234))=0</formula>
    </cfRule>
  </conditionalFormatting>
  <conditionalFormatting sqref="D235">
    <cfRule type="containsBlanks" dxfId="136" priority="138">
      <formula>LEN(TRIM(D235))=0</formula>
    </cfRule>
  </conditionalFormatting>
  <conditionalFormatting sqref="D236">
    <cfRule type="containsBlanks" dxfId="135" priority="137">
      <formula>LEN(TRIM(D236))=0</formula>
    </cfRule>
  </conditionalFormatting>
  <conditionalFormatting sqref="D237">
    <cfRule type="containsBlanks" dxfId="134" priority="136">
      <formula>LEN(TRIM(D237))=0</formula>
    </cfRule>
  </conditionalFormatting>
  <conditionalFormatting sqref="D238">
    <cfRule type="containsBlanks" dxfId="133" priority="135">
      <formula>LEN(TRIM(D238))=0</formula>
    </cfRule>
  </conditionalFormatting>
  <conditionalFormatting sqref="D321">
    <cfRule type="containsBlanks" dxfId="132" priority="133">
      <formula>LEN(TRIM(D321))=0</formula>
    </cfRule>
  </conditionalFormatting>
  <conditionalFormatting sqref="D319">
    <cfRule type="containsBlanks" dxfId="131" priority="132">
      <formula>LEN(TRIM(D319))=0</formula>
    </cfRule>
  </conditionalFormatting>
  <conditionalFormatting sqref="D320">
    <cfRule type="containsBlanks" dxfId="130" priority="131">
      <formula>LEN(TRIM(D320))=0</formula>
    </cfRule>
  </conditionalFormatting>
  <conditionalFormatting sqref="D103:D104">
    <cfRule type="containsBlanks" dxfId="129" priority="130">
      <formula>LEN(TRIM(D103))=0</formula>
    </cfRule>
  </conditionalFormatting>
  <conditionalFormatting sqref="D105">
    <cfRule type="containsBlanks" dxfId="128" priority="129">
      <formula>LEN(TRIM(D105))=0</formula>
    </cfRule>
  </conditionalFormatting>
  <conditionalFormatting sqref="D106">
    <cfRule type="containsBlanks" dxfId="127" priority="128">
      <formula>LEN(TRIM(D106))=0</formula>
    </cfRule>
  </conditionalFormatting>
  <conditionalFormatting sqref="D107:D108">
    <cfRule type="containsBlanks" dxfId="126" priority="127">
      <formula>LEN(TRIM(D107))=0</formula>
    </cfRule>
  </conditionalFormatting>
  <conditionalFormatting sqref="D109">
    <cfRule type="containsBlanks" dxfId="125" priority="126">
      <formula>LEN(TRIM(D109))=0</formula>
    </cfRule>
  </conditionalFormatting>
  <conditionalFormatting sqref="D110">
    <cfRule type="containsBlanks" dxfId="124" priority="125">
      <formula>LEN(TRIM(D110))=0</formula>
    </cfRule>
  </conditionalFormatting>
  <conditionalFormatting sqref="D111:D112">
    <cfRule type="containsBlanks" dxfId="123" priority="124">
      <formula>LEN(TRIM(D111))=0</formula>
    </cfRule>
  </conditionalFormatting>
  <conditionalFormatting sqref="D113">
    <cfRule type="containsBlanks" dxfId="122" priority="123">
      <formula>LEN(TRIM(D113))=0</formula>
    </cfRule>
  </conditionalFormatting>
  <conditionalFormatting sqref="D114">
    <cfRule type="containsBlanks" dxfId="121" priority="122">
      <formula>LEN(TRIM(D114))=0</formula>
    </cfRule>
  </conditionalFormatting>
  <conditionalFormatting sqref="D115:D116">
    <cfRule type="containsBlanks" dxfId="120" priority="121">
      <formula>LEN(TRIM(D115))=0</formula>
    </cfRule>
  </conditionalFormatting>
  <conditionalFormatting sqref="D117">
    <cfRule type="containsBlanks" dxfId="119" priority="120">
      <formula>LEN(TRIM(D117))=0</formula>
    </cfRule>
  </conditionalFormatting>
  <conditionalFormatting sqref="D219:D220">
    <cfRule type="containsBlanks" dxfId="118" priority="119">
      <formula>LEN(TRIM(D219))=0</formula>
    </cfRule>
  </conditionalFormatting>
  <conditionalFormatting sqref="D221">
    <cfRule type="containsBlanks" dxfId="117" priority="118">
      <formula>LEN(TRIM(D221))=0</formula>
    </cfRule>
  </conditionalFormatting>
  <conditionalFormatting sqref="D178:D179">
    <cfRule type="containsBlanks" dxfId="116" priority="117">
      <formula>LEN(TRIM(D178))=0</formula>
    </cfRule>
  </conditionalFormatting>
  <conditionalFormatting sqref="D180">
    <cfRule type="containsBlanks" dxfId="115" priority="116">
      <formula>LEN(TRIM(D180))=0</formula>
    </cfRule>
  </conditionalFormatting>
  <conditionalFormatting sqref="D181">
    <cfRule type="containsBlanks" dxfId="114" priority="115">
      <formula>LEN(TRIM(D181))=0</formula>
    </cfRule>
  </conditionalFormatting>
  <conditionalFormatting sqref="D182:D183">
    <cfRule type="containsBlanks" dxfId="113" priority="114">
      <formula>LEN(TRIM(D182))=0</formula>
    </cfRule>
  </conditionalFormatting>
  <conditionalFormatting sqref="D184">
    <cfRule type="containsBlanks" dxfId="112" priority="113">
      <formula>LEN(TRIM(D184))=0</formula>
    </cfRule>
  </conditionalFormatting>
  <conditionalFormatting sqref="D185">
    <cfRule type="containsBlanks" dxfId="111" priority="112">
      <formula>LEN(TRIM(D185))=0</formula>
    </cfRule>
  </conditionalFormatting>
  <conditionalFormatting sqref="D186:D187">
    <cfRule type="containsBlanks" dxfId="110" priority="111">
      <formula>LEN(TRIM(D186))=0</formula>
    </cfRule>
  </conditionalFormatting>
  <conditionalFormatting sqref="D204">
    <cfRule type="containsBlanks" dxfId="109" priority="110">
      <formula>LEN(TRIM(D204))=0</formula>
    </cfRule>
  </conditionalFormatting>
  <conditionalFormatting sqref="D205">
    <cfRule type="containsBlanks" dxfId="108" priority="109">
      <formula>LEN(TRIM(D205))=0</formula>
    </cfRule>
  </conditionalFormatting>
  <conditionalFormatting sqref="D216:D217">
    <cfRule type="containsBlanks" dxfId="107" priority="108">
      <formula>LEN(TRIM(D216))=0</formula>
    </cfRule>
  </conditionalFormatting>
  <conditionalFormatting sqref="D218">
    <cfRule type="containsBlanks" dxfId="106" priority="107">
      <formula>LEN(TRIM(D218))=0</formula>
    </cfRule>
  </conditionalFormatting>
  <conditionalFormatting sqref="D118:D119">
    <cfRule type="containsBlanks" dxfId="105" priority="106">
      <formula>LEN(TRIM(D118))=0</formula>
    </cfRule>
  </conditionalFormatting>
  <conditionalFormatting sqref="D120">
    <cfRule type="containsBlanks" dxfId="104" priority="105">
      <formula>LEN(TRIM(D120))=0</formula>
    </cfRule>
  </conditionalFormatting>
  <conditionalFormatting sqref="D121">
    <cfRule type="containsBlanks" dxfId="103" priority="104">
      <formula>LEN(TRIM(D121))=0</formula>
    </cfRule>
  </conditionalFormatting>
  <conditionalFormatting sqref="D122:D123">
    <cfRule type="containsBlanks" dxfId="102" priority="103">
      <formula>LEN(TRIM(D122))=0</formula>
    </cfRule>
  </conditionalFormatting>
  <conditionalFormatting sqref="D124">
    <cfRule type="containsBlanks" dxfId="101" priority="102">
      <formula>LEN(TRIM(D124))=0</formula>
    </cfRule>
  </conditionalFormatting>
  <conditionalFormatting sqref="D125">
    <cfRule type="containsBlanks" dxfId="100" priority="101">
      <formula>LEN(TRIM(D125))=0</formula>
    </cfRule>
  </conditionalFormatting>
  <conditionalFormatting sqref="D126:D127">
    <cfRule type="containsBlanks" dxfId="99" priority="100">
      <formula>LEN(TRIM(D126))=0</formula>
    </cfRule>
  </conditionalFormatting>
  <conditionalFormatting sqref="D128">
    <cfRule type="containsBlanks" dxfId="98" priority="99">
      <formula>LEN(TRIM(D128))=0</formula>
    </cfRule>
  </conditionalFormatting>
  <conditionalFormatting sqref="D129">
    <cfRule type="containsBlanks" dxfId="97" priority="98">
      <formula>LEN(TRIM(D129))=0</formula>
    </cfRule>
  </conditionalFormatting>
  <conditionalFormatting sqref="D130:D131">
    <cfRule type="containsBlanks" dxfId="96" priority="97">
      <formula>LEN(TRIM(D130))=0</formula>
    </cfRule>
  </conditionalFormatting>
  <conditionalFormatting sqref="D132">
    <cfRule type="containsBlanks" dxfId="95" priority="96">
      <formula>LEN(TRIM(D132))=0</formula>
    </cfRule>
  </conditionalFormatting>
  <conditionalFormatting sqref="D42">
    <cfRule type="containsBlanks" dxfId="94" priority="95">
      <formula>LEN(TRIM(D42))=0</formula>
    </cfRule>
  </conditionalFormatting>
  <conditionalFormatting sqref="D73:D74">
    <cfRule type="containsBlanks" dxfId="93" priority="94">
      <formula>LEN(TRIM(D73))=0</formula>
    </cfRule>
  </conditionalFormatting>
  <conditionalFormatting sqref="D75">
    <cfRule type="containsBlanks" dxfId="92" priority="93">
      <formula>LEN(TRIM(D75))=0</formula>
    </cfRule>
  </conditionalFormatting>
  <conditionalFormatting sqref="D94">
    <cfRule type="containsBlanks" dxfId="91" priority="92">
      <formula>LEN(TRIM(D94))=0</formula>
    </cfRule>
  </conditionalFormatting>
  <conditionalFormatting sqref="D95:D96">
    <cfRule type="containsBlanks" dxfId="90" priority="91">
      <formula>LEN(TRIM(D95))=0</formula>
    </cfRule>
  </conditionalFormatting>
  <conditionalFormatting sqref="D97">
    <cfRule type="containsBlanks" dxfId="89" priority="90">
      <formula>LEN(TRIM(D97))=0</formula>
    </cfRule>
  </conditionalFormatting>
  <conditionalFormatting sqref="D98">
    <cfRule type="containsBlanks" dxfId="88" priority="89">
      <formula>LEN(TRIM(D98))=0</formula>
    </cfRule>
  </conditionalFormatting>
  <conditionalFormatting sqref="D99:D100">
    <cfRule type="containsBlanks" dxfId="87" priority="88">
      <formula>LEN(TRIM(D99))=0</formula>
    </cfRule>
  </conditionalFormatting>
  <conditionalFormatting sqref="D101">
    <cfRule type="containsBlanks" dxfId="86" priority="87">
      <formula>LEN(TRIM(D101))=0</formula>
    </cfRule>
  </conditionalFormatting>
  <conditionalFormatting sqref="D43:D44">
    <cfRule type="containsBlanks" dxfId="85" priority="86">
      <formula>LEN(TRIM(D43))=0</formula>
    </cfRule>
  </conditionalFormatting>
  <conditionalFormatting sqref="D45">
    <cfRule type="containsBlanks" dxfId="84" priority="85">
      <formula>LEN(TRIM(D45))=0</formula>
    </cfRule>
  </conditionalFormatting>
  <conditionalFormatting sqref="D46">
    <cfRule type="containsBlanks" dxfId="83" priority="84">
      <formula>LEN(TRIM(D46))=0</formula>
    </cfRule>
  </conditionalFormatting>
  <conditionalFormatting sqref="D47:D48">
    <cfRule type="containsBlanks" dxfId="82" priority="83">
      <formula>LEN(TRIM(D47))=0</formula>
    </cfRule>
  </conditionalFormatting>
  <conditionalFormatting sqref="D49">
    <cfRule type="containsBlanks" dxfId="81" priority="82">
      <formula>LEN(TRIM(D49))=0</formula>
    </cfRule>
  </conditionalFormatting>
  <conditionalFormatting sqref="D50">
    <cfRule type="containsBlanks" dxfId="80" priority="81">
      <formula>LEN(TRIM(D50))=0</formula>
    </cfRule>
  </conditionalFormatting>
  <conditionalFormatting sqref="D51:D52">
    <cfRule type="containsBlanks" dxfId="79" priority="80">
      <formula>LEN(TRIM(D51))=0</formula>
    </cfRule>
  </conditionalFormatting>
  <conditionalFormatting sqref="D53">
    <cfRule type="containsBlanks" dxfId="78" priority="79">
      <formula>LEN(TRIM(D53))=0</formula>
    </cfRule>
  </conditionalFormatting>
  <conditionalFormatting sqref="D54">
    <cfRule type="containsBlanks" dxfId="77" priority="78">
      <formula>LEN(TRIM(D54))=0</formula>
    </cfRule>
  </conditionalFormatting>
  <conditionalFormatting sqref="D55:D56">
    <cfRule type="containsBlanks" dxfId="76" priority="77">
      <formula>LEN(TRIM(D55))=0</formula>
    </cfRule>
  </conditionalFormatting>
  <conditionalFormatting sqref="D57">
    <cfRule type="containsBlanks" dxfId="75" priority="76">
      <formula>LEN(TRIM(D57))=0</formula>
    </cfRule>
  </conditionalFormatting>
  <conditionalFormatting sqref="D91:D92">
    <cfRule type="containsBlanks" dxfId="74" priority="75">
      <formula>LEN(TRIM(D91))=0</formula>
    </cfRule>
  </conditionalFormatting>
  <conditionalFormatting sqref="D93">
    <cfRule type="containsBlanks" dxfId="73" priority="74">
      <formula>LEN(TRIM(D93))=0</formula>
    </cfRule>
  </conditionalFormatting>
  <conditionalFormatting sqref="D76:D77">
    <cfRule type="containsBlanks" dxfId="72" priority="73">
      <formula>LEN(TRIM(D76))=0</formula>
    </cfRule>
  </conditionalFormatting>
  <conditionalFormatting sqref="D78">
    <cfRule type="containsBlanks" dxfId="71" priority="72">
      <formula>LEN(TRIM(D78))=0</formula>
    </cfRule>
  </conditionalFormatting>
  <conditionalFormatting sqref="D79">
    <cfRule type="containsBlanks" dxfId="70" priority="71">
      <formula>LEN(TRIM(D79))=0</formula>
    </cfRule>
  </conditionalFormatting>
  <conditionalFormatting sqref="D80:D81">
    <cfRule type="containsBlanks" dxfId="69" priority="70">
      <formula>LEN(TRIM(D80))=0</formula>
    </cfRule>
  </conditionalFormatting>
  <conditionalFormatting sqref="D82">
    <cfRule type="containsBlanks" dxfId="68" priority="69">
      <formula>LEN(TRIM(D82))=0</formula>
    </cfRule>
  </conditionalFormatting>
  <conditionalFormatting sqref="D83">
    <cfRule type="containsBlanks" dxfId="67" priority="68">
      <formula>LEN(TRIM(D83))=0</formula>
    </cfRule>
  </conditionalFormatting>
  <conditionalFormatting sqref="D84:D85">
    <cfRule type="containsBlanks" dxfId="66" priority="67">
      <formula>LEN(TRIM(D84))=0</formula>
    </cfRule>
  </conditionalFormatting>
  <conditionalFormatting sqref="D86">
    <cfRule type="containsBlanks" dxfId="65" priority="66">
      <formula>LEN(TRIM(D86))=0</formula>
    </cfRule>
  </conditionalFormatting>
  <conditionalFormatting sqref="D87">
    <cfRule type="containsBlanks" dxfId="64" priority="65">
      <formula>LEN(TRIM(D87))=0</formula>
    </cfRule>
  </conditionalFormatting>
  <conditionalFormatting sqref="D88:D89">
    <cfRule type="containsBlanks" dxfId="63" priority="64">
      <formula>LEN(TRIM(D88))=0</formula>
    </cfRule>
  </conditionalFormatting>
  <conditionalFormatting sqref="D90">
    <cfRule type="containsBlanks" dxfId="62" priority="63">
      <formula>LEN(TRIM(D90))=0</formula>
    </cfRule>
  </conditionalFormatting>
  <conditionalFormatting sqref="D58:D59">
    <cfRule type="containsBlanks" dxfId="61" priority="62">
      <formula>LEN(TRIM(D58))=0</formula>
    </cfRule>
  </conditionalFormatting>
  <conditionalFormatting sqref="D60">
    <cfRule type="containsBlanks" dxfId="60" priority="61">
      <formula>LEN(TRIM(D60))=0</formula>
    </cfRule>
  </conditionalFormatting>
  <conditionalFormatting sqref="D61">
    <cfRule type="containsBlanks" dxfId="59" priority="60">
      <formula>LEN(TRIM(D61))=0</formula>
    </cfRule>
  </conditionalFormatting>
  <conditionalFormatting sqref="D62:D63">
    <cfRule type="containsBlanks" dxfId="58" priority="59">
      <formula>LEN(TRIM(D62))=0</formula>
    </cfRule>
  </conditionalFormatting>
  <conditionalFormatting sqref="D64">
    <cfRule type="containsBlanks" dxfId="57" priority="58">
      <formula>LEN(TRIM(D64))=0</formula>
    </cfRule>
  </conditionalFormatting>
  <conditionalFormatting sqref="D65">
    <cfRule type="containsBlanks" dxfId="56" priority="57">
      <formula>LEN(TRIM(D65))=0</formula>
    </cfRule>
  </conditionalFormatting>
  <conditionalFormatting sqref="D66:D67">
    <cfRule type="containsBlanks" dxfId="55" priority="56">
      <formula>LEN(TRIM(D66))=0</formula>
    </cfRule>
  </conditionalFormatting>
  <conditionalFormatting sqref="D68">
    <cfRule type="containsBlanks" dxfId="54" priority="55">
      <formula>LEN(TRIM(D68))=0</formula>
    </cfRule>
  </conditionalFormatting>
  <conditionalFormatting sqref="D69">
    <cfRule type="containsBlanks" dxfId="53" priority="54">
      <formula>LEN(TRIM(D69))=0</formula>
    </cfRule>
  </conditionalFormatting>
  <conditionalFormatting sqref="D70:D71">
    <cfRule type="containsBlanks" dxfId="52" priority="53">
      <formula>LEN(TRIM(D70))=0</formula>
    </cfRule>
  </conditionalFormatting>
  <conditionalFormatting sqref="D72">
    <cfRule type="containsBlanks" dxfId="51" priority="52">
      <formula>LEN(TRIM(D72))=0</formula>
    </cfRule>
  </conditionalFormatting>
  <conditionalFormatting sqref="D196">
    <cfRule type="containsBlanks" dxfId="50" priority="51">
      <formula>LEN(TRIM(D196))=0</formula>
    </cfRule>
  </conditionalFormatting>
  <conditionalFormatting sqref="D197:D198">
    <cfRule type="containsBlanks" dxfId="49" priority="50">
      <formula>LEN(TRIM(D197))=0</formula>
    </cfRule>
  </conditionalFormatting>
  <conditionalFormatting sqref="D199">
    <cfRule type="containsBlanks" dxfId="48" priority="49">
      <formula>LEN(TRIM(D199))=0</formula>
    </cfRule>
  </conditionalFormatting>
  <conditionalFormatting sqref="D200">
    <cfRule type="containsBlanks" dxfId="47" priority="48">
      <formula>LEN(TRIM(D200))=0</formula>
    </cfRule>
  </conditionalFormatting>
  <conditionalFormatting sqref="D201:D202">
    <cfRule type="containsBlanks" dxfId="46" priority="47">
      <formula>LEN(TRIM(D201))=0</formula>
    </cfRule>
  </conditionalFormatting>
  <conditionalFormatting sqref="D203">
    <cfRule type="containsBlanks" dxfId="45" priority="46">
      <formula>LEN(TRIM(D203))=0</formula>
    </cfRule>
  </conditionalFormatting>
  <conditionalFormatting sqref="D193:D194">
    <cfRule type="containsBlanks" dxfId="44" priority="45">
      <formula>LEN(TRIM(D193))=0</formula>
    </cfRule>
  </conditionalFormatting>
  <conditionalFormatting sqref="D195">
    <cfRule type="containsBlanks" dxfId="43" priority="44">
      <formula>LEN(TRIM(D195))=0</formula>
    </cfRule>
  </conditionalFormatting>
  <conditionalFormatting sqref="D188">
    <cfRule type="containsBlanks" dxfId="42" priority="43">
      <formula>LEN(TRIM(D188))=0</formula>
    </cfRule>
  </conditionalFormatting>
  <conditionalFormatting sqref="D189">
    <cfRule type="containsBlanks" dxfId="41" priority="42">
      <formula>LEN(TRIM(D189))=0</formula>
    </cfRule>
  </conditionalFormatting>
  <conditionalFormatting sqref="D190:D191">
    <cfRule type="containsBlanks" dxfId="40" priority="41">
      <formula>LEN(TRIM(D190))=0</formula>
    </cfRule>
  </conditionalFormatting>
  <conditionalFormatting sqref="D192">
    <cfRule type="containsBlanks" dxfId="39" priority="40">
      <formula>LEN(TRIM(D192))=0</formula>
    </cfRule>
  </conditionalFormatting>
  <conditionalFormatting sqref="D170">
    <cfRule type="containsBlanks" dxfId="38" priority="39">
      <formula>LEN(TRIM(D170))=0</formula>
    </cfRule>
  </conditionalFormatting>
  <conditionalFormatting sqref="D171:D172">
    <cfRule type="containsBlanks" dxfId="37" priority="38">
      <formula>LEN(TRIM(D171))=0</formula>
    </cfRule>
  </conditionalFormatting>
  <conditionalFormatting sqref="D173">
    <cfRule type="containsBlanks" dxfId="36" priority="37">
      <formula>LEN(TRIM(D173))=0</formula>
    </cfRule>
  </conditionalFormatting>
  <conditionalFormatting sqref="D174">
    <cfRule type="containsBlanks" dxfId="35" priority="36">
      <formula>LEN(TRIM(D174))=0</formula>
    </cfRule>
  </conditionalFormatting>
  <conditionalFormatting sqref="D175:D176">
    <cfRule type="containsBlanks" dxfId="34" priority="35">
      <formula>LEN(TRIM(D175))=0</formula>
    </cfRule>
  </conditionalFormatting>
  <conditionalFormatting sqref="D177">
    <cfRule type="containsBlanks" dxfId="33" priority="34">
      <formula>LEN(TRIM(D177))=0</formula>
    </cfRule>
  </conditionalFormatting>
  <conditionalFormatting sqref="D167:D168">
    <cfRule type="containsBlanks" dxfId="32" priority="33">
      <formula>LEN(TRIM(D167))=0</formula>
    </cfRule>
  </conditionalFormatting>
  <conditionalFormatting sqref="D169">
    <cfRule type="containsBlanks" dxfId="31" priority="32">
      <formula>LEN(TRIM(D169))=0</formula>
    </cfRule>
  </conditionalFormatting>
  <conditionalFormatting sqref="D136:D137">
    <cfRule type="containsBlanks" dxfId="30" priority="31">
      <formula>LEN(TRIM(D136))=0</formula>
    </cfRule>
  </conditionalFormatting>
  <conditionalFormatting sqref="D138">
    <cfRule type="containsBlanks" dxfId="29" priority="30">
      <formula>LEN(TRIM(D138))=0</formula>
    </cfRule>
  </conditionalFormatting>
  <conditionalFormatting sqref="D139">
    <cfRule type="containsBlanks" dxfId="28" priority="29">
      <formula>LEN(TRIM(D139))=0</formula>
    </cfRule>
  </conditionalFormatting>
  <conditionalFormatting sqref="D140:D141">
    <cfRule type="containsBlanks" dxfId="27" priority="28">
      <formula>LEN(TRIM(D140))=0</formula>
    </cfRule>
  </conditionalFormatting>
  <conditionalFormatting sqref="D142">
    <cfRule type="containsBlanks" dxfId="26" priority="27">
      <formula>LEN(TRIM(D142))=0</formula>
    </cfRule>
  </conditionalFormatting>
  <conditionalFormatting sqref="D143">
    <cfRule type="containsBlanks" dxfId="25" priority="26">
      <formula>LEN(TRIM(D143))=0</formula>
    </cfRule>
  </conditionalFormatting>
  <conditionalFormatting sqref="D144:D145">
    <cfRule type="containsBlanks" dxfId="24" priority="25">
      <formula>LEN(TRIM(D144))=0</formula>
    </cfRule>
  </conditionalFormatting>
  <conditionalFormatting sqref="D162">
    <cfRule type="containsBlanks" dxfId="23" priority="24">
      <formula>LEN(TRIM(D162))=0</formula>
    </cfRule>
  </conditionalFormatting>
  <conditionalFormatting sqref="D163">
    <cfRule type="containsBlanks" dxfId="22" priority="23">
      <formula>LEN(TRIM(D163))=0</formula>
    </cfRule>
  </conditionalFormatting>
  <conditionalFormatting sqref="D164:D165">
    <cfRule type="containsBlanks" dxfId="21" priority="22">
      <formula>LEN(TRIM(D164))=0</formula>
    </cfRule>
  </conditionalFormatting>
  <conditionalFormatting sqref="D166">
    <cfRule type="containsBlanks" dxfId="20" priority="21">
      <formula>LEN(TRIM(D166))=0</formula>
    </cfRule>
  </conditionalFormatting>
  <conditionalFormatting sqref="D154">
    <cfRule type="containsBlanks" dxfId="19" priority="20">
      <formula>LEN(TRIM(D154))=0</formula>
    </cfRule>
  </conditionalFormatting>
  <conditionalFormatting sqref="D155:D156">
    <cfRule type="containsBlanks" dxfId="18" priority="19">
      <formula>LEN(TRIM(D155))=0</formula>
    </cfRule>
  </conditionalFormatting>
  <conditionalFormatting sqref="D157">
    <cfRule type="containsBlanks" dxfId="17" priority="18">
      <formula>LEN(TRIM(D157))=0</formula>
    </cfRule>
  </conditionalFormatting>
  <conditionalFormatting sqref="D158">
    <cfRule type="containsBlanks" dxfId="16" priority="17">
      <formula>LEN(TRIM(D158))=0</formula>
    </cfRule>
  </conditionalFormatting>
  <conditionalFormatting sqref="D159:D160">
    <cfRule type="containsBlanks" dxfId="15" priority="16">
      <formula>LEN(TRIM(D159))=0</formula>
    </cfRule>
  </conditionalFormatting>
  <conditionalFormatting sqref="D161">
    <cfRule type="containsBlanks" dxfId="14" priority="15">
      <formula>LEN(TRIM(D161))=0</formula>
    </cfRule>
  </conditionalFormatting>
  <conditionalFormatting sqref="D151:D152">
    <cfRule type="containsBlanks" dxfId="13" priority="14">
      <formula>LEN(TRIM(D151))=0</formula>
    </cfRule>
  </conditionalFormatting>
  <conditionalFormatting sqref="D153">
    <cfRule type="containsBlanks" dxfId="12" priority="13">
      <formula>LEN(TRIM(D153))=0</formula>
    </cfRule>
  </conditionalFormatting>
  <conditionalFormatting sqref="D146">
    <cfRule type="containsBlanks" dxfId="11" priority="12">
      <formula>LEN(TRIM(D146))=0</formula>
    </cfRule>
  </conditionalFormatting>
  <conditionalFormatting sqref="D147">
    <cfRule type="containsBlanks" dxfId="10" priority="11">
      <formula>LEN(TRIM(D147))=0</formula>
    </cfRule>
  </conditionalFormatting>
  <conditionalFormatting sqref="D148:D149">
    <cfRule type="containsBlanks" dxfId="9" priority="10">
      <formula>LEN(TRIM(D148))=0</formula>
    </cfRule>
  </conditionalFormatting>
  <conditionalFormatting sqref="D150">
    <cfRule type="containsBlanks" dxfId="8" priority="9">
      <formula>LEN(TRIM(D150))=0</formula>
    </cfRule>
  </conditionalFormatting>
  <conditionalFormatting sqref="D214">
    <cfRule type="containsBlanks" dxfId="7" priority="8">
      <formula>LEN(TRIM(D214))=0</formula>
    </cfRule>
  </conditionalFormatting>
  <conditionalFormatting sqref="D215">
    <cfRule type="containsBlanks" dxfId="6" priority="7">
      <formula>LEN(TRIM(D215))=0</formula>
    </cfRule>
  </conditionalFormatting>
  <conditionalFormatting sqref="D206">
    <cfRule type="containsBlanks" dxfId="5" priority="6">
      <formula>LEN(TRIM(D206))=0</formula>
    </cfRule>
  </conditionalFormatting>
  <conditionalFormatting sqref="D207:D208">
    <cfRule type="containsBlanks" dxfId="4" priority="5">
      <formula>LEN(TRIM(D207))=0</formula>
    </cfRule>
  </conditionalFormatting>
  <conditionalFormatting sqref="D209">
    <cfRule type="containsBlanks" dxfId="3" priority="4">
      <formula>LEN(TRIM(D209))=0</formula>
    </cfRule>
  </conditionalFormatting>
  <conditionalFormatting sqref="D210">
    <cfRule type="containsBlanks" dxfId="2" priority="3">
      <formula>LEN(TRIM(D210))=0</formula>
    </cfRule>
  </conditionalFormatting>
  <conditionalFormatting sqref="D211:D212">
    <cfRule type="containsBlanks" dxfId="1" priority="2">
      <formula>LEN(TRIM(D211))=0</formula>
    </cfRule>
  </conditionalFormatting>
  <conditionalFormatting sqref="D213">
    <cfRule type="containsBlanks" dxfId="0" priority="1">
      <formula>LEN(TRIM(D213))=0</formula>
    </cfRule>
  </conditionalFormatting>
  <printOptions horizontalCentered="1"/>
  <pageMargins left="0.70866141732283472" right="0.70866141732283472" top="0.9055118110236221" bottom="0.74803149606299213" header="0.31496062992125984" footer="0.31496062992125984"/>
  <pageSetup paperSize="9" scale="53" orientation="portrait" r:id="rId1"/>
  <headerFooter>
    <oddHeader>&amp;C&amp;"Arial,Normálne"&amp;16CENOVÁ PONUKA&amp;14
pre účel
prípravnej trhovej konzultácie a predbežného zapojenia záujemcov alebo uchádzačov (ďalej aj "PTK")</oddHeader>
    <oddFooter>&amp;CStrana &amp;P z &amp;N</oddFooter>
  </headerFooter>
  <rowBreaks count="1" manualBreakCount="1">
    <brk id="28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3-07-06T11:41:56Z</cp:lastPrinted>
  <dcterms:created xsi:type="dcterms:W3CDTF">2017-04-21T05:51:15Z</dcterms:created>
  <dcterms:modified xsi:type="dcterms:W3CDTF">2023-09-08T07:20:19Z</dcterms:modified>
</cp:coreProperties>
</file>